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0"/>
  </p:sldMasterIdLst>
  <p:notesMasterIdLst>
    <p:notesMasterId r:id="rId17"/>
  </p:notesMasterIdLst>
  <p:sldIdLst>
    <p:sldId id="272" r:id="rId11"/>
    <p:sldId id="268" r:id="rId12"/>
    <p:sldId id="269" r:id="rId13"/>
    <p:sldId id="271" r:id="rId14"/>
    <p:sldId id="274" r:id="rId15"/>
    <p:sldId id="273" r:id="rId16"/>
  </p:sldIdLst>
  <p:sldSz cx="7561263" cy="10693400"/>
  <p:notesSz cx="6799263" cy="9929813"/>
  <p:defaultTextStyle>
    <a:defPPr>
      <a:defRPr lang="en-US"/>
    </a:defPPr>
    <a:lvl1pPr marL="0" algn="l" defTabSz="91432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65" algn="l" defTabSz="91432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329" algn="l" defTabSz="91432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494" algn="l" defTabSz="91432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658" algn="l" defTabSz="91432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823" algn="l" defTabSz="91432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2988" algn="l" defTabSz="91432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152" algn="l" defTabSz="91432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317" algn="l" defTabSz="914329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Vashistha, Radha" initials="VR" lastIdx="0" clrIdx="0">
    <p:extLst>
      <p:ext uri="{19B8F6BF-5375-455C-9EA6-DF929625EA0E}">
        <p15:presenceInfo xmlns:p15="http://schemas.microsoft.com/office/powerpoint/2012/main" userId="S-1-5-21-484763869-2147084303-725345543-1794140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AFC236"/>
    <a:srgbClr val="216B99"/>
    <a:srgbClr val="41AC4C"/>
    <a:srgbClr val="8E3F91"/>
    <a:srgbClr val="009695"/>
    <a:srgbClr val="2B86C7"/>
    <a:srgbClr val="F8AC04"/>
    <a:srgbClr val="EDEB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B923989-2ECD-496A-BD30-4637D1612082}" v="5" dt="2019-08-06T12:24:58.255"/>
    <p1510:client id="{4314A09F-58C2-4082-8D86-A9A83B6E048C}" v="6" dt="2021-01-05T16:09:47.034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9989" autoAdjust="0"/>
    <p:restoredTop sz="84667" autoAdjust="0"/>
  </p:normalViewPr>
  <p:slideViewPr>
    <p:cSldViewPr snapToGrid="0">
      <p:cViewPr varScale="1">
        <p:scale>
          <a:sx n="62" d="100"/>
          <a:sy n="62" d="100"/>
        </p:scale>
        <p:origin x="3114" y="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microsoft.com/office/2015/10/relationships/revisionInfo" Target="revisionInfo.xml"/><Relationship Id="rId10" Type="http://schemas.openxmlformats.org/officeDocument/2006/relationships/slideMaster" Target="slideMasters/slideMaster1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1275" y="0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255AD91-9C25-4F69-9BD1-1D9F7BB7C90B}" type="datetimeFigureOut">
              <a:rPr lang="en-US" smtClean="0"/>
              <a:t>1/5/2021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2214563" y="1241425"/>
            <a:ext cx="2370137" cy="335121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450" y="4778375"/>
            <a:ext cx="5440363" cy="3910013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31338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1275" y="9431338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1991B04-6640-4124-A730-CF2CDCA66FC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1931449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1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Shape">
            <a:extLst>
              <a:ext uri="{FF2B5EF4-FFF2-40B4-BE49-F238E27FC236}">
                <a16:creationId xmlns:a16="http://schemas.microsoft.com/office/drawing/2014/main" id="{E1FB27DE-4F29-4197-B53A-6876195E0156}"/>
              </a:ext>
            </a:extLst>
          </p:cNvPr>
          <p:cNvSpPr/>
          <p:nvPr userDrawn="1"/>
        </p:nvSpPr>
        <p:spPr>
          <a:xfrm rot="10800000">
            <a:off x="4716735" y="0"/>
            <a:ext cx="2844528" cy="3474492"/>
          </a:xfrm>
          <a:custGeom>
            <a:avLst/>
            <a:gdLst>
              <a:gd name="connsiteX0" fmla="*/ 7909 w 2844528"/>
              <a:gd name="connsiteY0" fmla="*/ 3474492 h 3474492"/>
              <a:gd name="connsiteX1" fmla="*/ 0 w 2844528"/>
              <a:gd name="connsiteY1" fmla="*/ 3474492 h 3474492"/>
              <a:gd name="connsiteX2" fmla="*/ 0 w 2844528"/>
              <a:gd name="connsiteY2" fmla="*/ 1639546 h 3474492"/>
              <a:gd name="connsiteX3" fmla="*/ 7909 w 2844528"/>
              <a:gd name="connsiteY3" fmla="*/ 1638764 h 3474492"/>
              <a:gd name="connsiteX4" fmla="*/ 15345 w 2844528"/>
              <a:gd name="connsiteY4" fmla="*/ 3474492 h 3474492"/>
              <a:gd name="connsiteX5" fmla="*/ 13386 w 2844528"/>
              <a:gd name="connsiteY5" fmla="*/ 3474492 h 3474492"/>
              <a:gd name="connsiteX6" fmla="*/ 13387 w 2844528"/>
              <a:gd name="connsiteY6" fmla="*/ 1638222 h 3474492"/>
              <a:gd name="connsiteX7" fmla="*/ 13416 w 2844528"/>
              <a:gd name="connsiteY7" fmla="*/ 1638223 h 3474492"/>
              <a:gd name="connsiteX8" fmla="*/ 15345 w 2844528"/>
              <a:gd name="connsiteY8" fmla="*/ 1638413 h 3474492"/>
              <a:gd name="connsiteX9" fmla="*/ 2797587 w 2844528"/>
              <a:gd name="connsiteY9" fmla="*/ 3474492 h 3474492"/>
              <a:gd name="connsiteX10" fmla="*/ 1355246 w 2844528"/>
              <a:gd name="connsiteY10" fmla="*/ 3474492 h 3474492"/>
              <a:gd name="connsiteX11" fmla="*/ 1381623 w 2844528"/>
              <a:gd name="connsiteY11" fmla="*/ 3393036 h 3474492"/>
              <a:gd name="connsiteX12" fmla="*/ 1430715 w 2844528"/>
              <a:gd name="connsiteY12" fmla="*/ 3028869 h 3474492"/>
              <a:gd name="connsiteX13" fmla="*/ 299028 w 2844528"/>
              <a:gd name="connsiteY13" fmla="*/ 1666473 h 3474492"/>
              <a:gd name="connsiteX14" fmla="*/ 15345 w 2844528"/>
              <a:gd name="connsiteY14" fmla="*/ 1638413 h 3474492"/>
              <a:gd name="connsiteX15" fmla="*/ 15345 w 2844528"/>
              <a:gd name="connsiteY15" fmla="*/ 1638318 h 3474492"/>
              <a:gd name="connsiteX16" fmla="*/ 13416 w 2844528"/>
              <a:gd name="connsiteY16" fmla="*/ 1638223 h 3474492"/>
              <a:gd name="connsiteX17" fmla="*/ 13387 w 2844528"/>
              <a:gd name="connsiteY17" fmla="*/ 1638220 h 3474492"/>
              <a:gd name="connsiteX18" fmla="*/ 13387 w 2844528"/>
              <a:gd name="connsiteY18" fmla="*/ 1638222 h 3474492"/>
              <a:gd name="connsiteX19" fmla="*/ 7909 w 2844528"/>
              <a:gd name="connsiteY19" fmla="*/ 1638764 h 3474492"/>
              <a:gd name="connsiteX20" fmla="*/ 7909 w 2844528"/>
              <a:gd name="connsiteY20" fmla="*/ 1469 h 3474492"/>
              <a:gd name="connsiteX21" fmla="*/ 62728 w 2844528"/>
              <a:gd name="connsiteY21" fmla="*/ 0 h 3474492"/>
              <a:gd name="connsiteX22" fmla="*/ 2844528 w 2844528"/>
              <a:gd name="connsiteY22" fmla="*/ 2947027 h 3474492"/>
              <a:gd name="connsiteX23" fmla="*/ 2830166 w 2844528"/>
              <a:gd name="connsiteY23" fmla="*/ 3248343 h 34744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</a:cxnLst>
            <a:rect l="l" t="t" r="r" b="b"/>
            <a:pathLst>
              <a:path w="2844528" h="3474492">
                <a:moveTo>
                  <a:pt x="7909" y="3474492"/>
                </a:moveTo>
                <a:lnTo>
                  <a:pt x="0" y="3474492"/>
                </a:lnTo>
                <a:lnTo>
                  <a:pt x="0" y="1639546"/>
                </a:lnTo>
                <a:lnTo>
                  <a:pt x="7909" y="1638764"/>
                </a:lnTo>
                <a:close/>
                <a:moveTo>
                  <a:pt x="15345" y="3474492"/>
                </a:moveTo>
                <a:lnTo>
                  <a:pt x="13386" y="3474492"/>
                </a:lnTo>
                <a:lnTo>
                  <a:pt x="13387" y="1638222"/>
                </a:lnTo>
                <a:lnTo>
                  <a:pt x="13416" y="1638223"/>
                </a:lnTo>
                <a:lnTo>
                  <a:pt x="15345" y="1638413"/>
                </a:lnTo>
                <a:close/>
                <a:moveTo>
                  <a:pt x="2797587" y="3474492"/>
                </a:moveTo>
                <a:lnTo>
                  <a:pt x="1355246" y="3474492"/>
                </a:lnTo>
                <a:lnTo>
                  <a:pt x="1381623" y="3393036"/>
                </a:lnTo>
                <a:cubicBezTo>
                  <a:pt x="1413635" y="3276966"/>
                  <a:pt x="1430715" y="3154874"/>
                  <a:pt x="1430715" y="3028869"/>
                </a:cubicBezTo>
                <a:cubicBezTo>
                  <a:pt x="1430715" y="2356839"/>
                  <a:pt x="944881" y="1796146"/>
                  <a:pt x="299028" y="1666473"/>
                </a:cubicBezTo>
                <a:lnTo>
                  <a:pt x="15345" y="1638413"/>
                </a:lnTo>
                <a:lnTo>
                  <a:pt x="15345" y="1638318"/>
                </a:lnTo>
                <a:lnTo>
                  <a:pt x="13416" y="1638223"/>
                </a:lnTo>
                <a:lnTo>
                  <a:pt x="13387" y="1638220"/>
                </a:lnTo>
                <a:lnTo>
                  <a:pt x="13387" y="1638222"/>
                </a:lnTo>
                <a:lnTo>
                  <a:pt x="7909" y="1638764"/>
                </a:lnTo>
                <a:lnTo>
                  <a:pt x="7909" y="1469"/>
                </a:lnTo>
                <a:cubicBezTo>
                  <a:pt x="26129" y="188"/>
                  <a:pt x="44407" y="0"/>
                  <a:pt x="62728" y="0"/>
                </a:cubicBezTo>
                <a:cubicBezTo>
                  <a:pt x="1599073" y="0"/>
                  <a:pt x="2844528" y="1319429"/>
                  <a:pt x="2844528" y="2947027"/>
                </a:cubicBezTo>
                <a:cubicBezTo>
                  <a:pt x="2844528" y="3048751"/>
                  <a:pt x="2839663" y="3149273"/>
                  <a:pt x="2830166" y="3248343"/>
                </a:cubicBezTo>
                <a:close/>
              </a:path>
            </a:pathLst>
          </a:cu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wrap="square" rtlCol="0" anchor="ctr">
            <a:noAutofit/>
          </a:bodyPr>
          <a:lstStyle/>
          <a:p>
            <a:pPr marL="0" marR="0" lvl="0" indent="0" algn="ctr" defTabSz="685757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50" b="0" i="0" u="none" strike="noStrike" kern="0" cap="none" spc="0" normalizeH="0" baseline="0" noProof="0" dirty="0">
              <a:ln>
                <a:noFill/>
              </a:ln>
              <a:solidFill>
                <a:schemeClr val="accent3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sp>
        <p:nvSpPr>
          <p:cNvPr id="16" name="Picture"/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8" name="Main Text">
            <a:extLst>
              <a:ext uri="{FF2B5EF4-FFF2-40B4-BE49-F238E27FC236}">
                <a16:creationId xmlns:a16="http://schemas.microsoft.com/office/drawing/2014/main" id="{4A1F723B-9C93-4033-9F83-71581A8E8F9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9" name="Subtitle">
            <a:extLst>
              <a:ext uri="{FF2B5EF4-FFF2-40B4-BE49-F238E27FC236}">
                <a16:creationId xmlns:a16="http://schemas.microsoft.com/office/drawing/2014/main" id="{1218CE19-9192-4660-9B55-D06B4C35570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MAIN HEADLINE">
            <a:extLst>
              <a:ext uri="{FF2B5EF4-FFF2-40B4-BE49-F238E27FC236}">
                <a16:creationId xmlns:a16="http://schemas.microsoft.com/office/drawing/2014/main" id="{33C46247-3A8A-4594-A56A-584032AC732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39777222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 userDrawn="1">
          <p15:clr>
            <a:srgbClr val="FBAE40"/>
          </p15:clr>
        </p15:guide>
        <p15:guide id="2" pos="295" userDrawn="1">
          <p15:clr>
            <a:srgbClr val="FBAE40"/>
          </p15:clr>
        </p15:guide>
        <p15:guide id="3" pos="4468" userDrawn="1">
          <p15:clr>
            <a:srgbClr val="FBAE40"/>
          </p15:clr>
        </p15:guide>
        <p15:guide id="4" orient="horz" pos="692" userDrawn="1">
          <p15:clr>
            <a:srgbClr val="FBAE40"/>
          </p15:clr>
        </p15:guide>
        <p15:guide id="5" pos="522" userDrawn="1">
          <p15:clr>
            <a:srgbClr val="FBAE40"/>
          </p15:clr>
        </p15:guide>
        <p15:guide id="6" orient="horz" pos="964" userDrawn="1">
          <p15:clr>
            <a:srgbClr val="FBAE40"/>
          </p15:clr>
        </p15:guide>
        <p15:guide id="7" orient="horz" pos="284" userDrawn="1">
          <p15:clr>
            <a:srgbClr val="FBAE40"/>
          </p15:clr>
        </p15:guide>
        <p15:guide id="8" pos="1517" userDrawn="1">
          <p15:clr>
            <a:srgbClr val="FBAE40"/>
          </p15:clr>
        </p15:guide>
        <p15:guide id="9" pos="4236" userDrawn="1">
          <p15:clr>
            <a:srgbClr val="FBAE40"/>
          </p15:clr>
        </p15:guide>
        <p15:guide id="10" orient="horz" pos="6452" userDrawn="1">
          <p15:clr>
            <a:srgbClr val="FBAE40"/>
          </p15:clr>
        </p15:guide>
        <p15:guide id="11" orient="horz" pos="533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3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B1CD8FDD-E83A-4192-8473-A5DCEA17939D}"/>
              </a:ext>
            </a:extLst>
          </p:cNvPr>
          <p:cNvSpPr/>
          <p:nvPr userDrawn="1"/>
        </p:nvSpPr>
        <p:spPr>
          <a:xfrm>
            <a:off x="2985870" y="-2619"/>
            <a:ext cx="4575395" cy="4489322"/>
          </a:xfrm>
          <a:custGeom>
            <a:avLst/>
            <a:gdLst>
              <a:gd name="connsiteX0" fmla="*/ 4575394 w 4575395"/>
              <a:gd name="connsiteY0" fmla="*/ 1084933 h 4489322"/>
              <a:gd name="connsiteX1" fmla="*/ 4575395 w 4575395"/>
              <a:gd name="connsiteY1" fmla="*/ 4489322 h 4489322"/>
              <a:gd name="connsiteX2" fmla="*/ 2873200 w 4575395"/>
              <a:gd name="connsiteY2" fmla="*/ 2787127 h 4489322"/>
              <a:gd name="connsiteX3" fmla="*/ 0 w 4575395"/>
              <a:gd name="connsiteY3" fmla="*/ 0 h 4489322"/>
              <a:gd name="connsiteX4" fmla="*/ 3208764 w 4575395"/>
              <a:gd name="connsiteY4" fmla="*/ 0 h 4489322"/>
              <a:gd name="connsiteX5" fmla="*/ 1604382 w 4575395"/>
              <a:gd name="connsiteY5" fmla="*/ 1604383 h 44893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575395" h="4489322">
                <a:moveTo>
                  <a:pt x="4575394" y="1084933"/>
                </a:moveTo>
                <a:lnTo>
                  <a:pt x="4575395" y="4489322"/>
                </a:lnTo>
                <a:lnTo>
                  <a:pt x="2873200" y="2787127"/>
                </a:lnTo>
                <a:close/>
                <a:moveTo>
                  <a:pt x="0" y="0"/>
                </a:moveTo>
                <a:lnTo>
                  <a:pt x="3208764" y="0"/>
                </a:lnTo>
                <a:lnTo>
                  <a:pt x="1604382" y="160438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Main Text">
            <a:extLst>
              <a:ext uri="{FF2B5EF4-FFF2-40B4-BE49-F238E27FC236}">
                <a16:creationId xmlns:a16="http://schemas.microsoft.com/office/drawing/2014/main" id="{022B1570-5DE7-4504-99F4-03D2F62BB37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2" name="Subtitle">
            <a:extLst>
              <a:ext uri="{FF2B5EF4-FFF2-40B4-BE49-F238E27FC236}">
                <a16:creationId xmlns:a16="http://schemas.microsoft.com/office/drawing/2014/main" id="{DAEE2AC4-75AF-4ED4-9730-A5C145327A7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MAIN HEADLINE">
            <a:extLst>
              <a:ext uri="{FF2B5EF4-FFF2-40B4-BE49-F238E27FC236}">
                <a16:creationId xmlns:a16="http://schemas.microsoft.com/office/drawing/2014/main" id="{1C1403A1-4512-4D16-9607-22D43EA250A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14" name="Border">
            <a:extLst>
              <a:ext uri="{FF2B5EF4-FFF2-40B4-BE49-F238E27FC236}">
                <a16:creationId xmlns:a16="http://schemas.microsoft.com/office/drawing/2014/main" id="{BC19F67B-A783-4C8E-B10D-E769979F0D96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9222723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3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F42B702E-5040-4368-8353-CC9985271485}"/>
              </a:ext>
            </a:extLst>
          </p:cNvPr>
          <p:cNvSpPr/>
          <p:nvPr userDrawn="1"/>
        </p:nvSpPr>
        <p:spPr>
          <a:xfrm>
            <a:off x="2985870" y="-2619"/>
            <a:ext cx="4575395" cy="4489322"/>
          </a:xfrm>
          <a:custGeom>
            <a:avLst/>
            <a:gdLst>
              <a:gd name="connsiteX0" fmla="*/ 4575394 w 4575395"/>
              <a:gd name="connsiteY0" fmla="*/ 1084933 h 4489322"/>
              <a:gd name="connsiteX1" fmla="*/ 4575395 w 4575395"/>
              <a:gd name="connsiteY1" fmla="*/ 4489322 h 4489322"/>
              <a:gd name="connsiteX2" fmla="*/ 2873200 w 4575395"/>
              <a:gd name="connsiteY2" fmla="*/ 2787127 h 4489322"/>
              <a:gd name="connsiteX3" fmla="*/ 0 w 4575395"/>
              <a:gd name="connsiteY3" fmla="*/ 0 h 4489322"/>
              <a:gd name="connsiteX4" fmla="*/ 3208764 w 4575395"/>
              <a:gd name="connsiteY4" fmla="*/ 0 h 4489322"/>
              <a:gd name="connsiteX5" fmla="*/ 1604382 w 4575395"/>
              <a:gd name="connsiteY5" fmla="*/ 1604383 h 44893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575395" h="4489322">
                <a:moveTo>
                  <a:pt x="4575394" y="1084933"/>
                </a:moveTo>
                <a:lnTo>
                  <a:pt x="4575395" y="4489322"/>
                </a:lnTo>
                <a:lnTo>
                  <a:pt x="2873200" y="2787127"/>
                </a:lnTo>
                <a:close/>
                <a:moveTo>
                  <a:pt x="0" y="0"/>
                </a:moveTo>
                <a:lnTo>
                  <a:pt x="3208764" y="0"/>
                </a:lnTo>
                <a:lnTo>
                  <a:pt x="1604382" y="160438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Picture">
            <a:extLst>
              <a:ext uri="{FF2B5EF4-FFF2-40B4-BE49-F238E27FC236}">
                <a16:creationId xmlns:a16="http://schemas.microsoft.com/office/drawing/2014/main" id="{1F9CB143-FE3E-40BA-AE1D-D77CC3CD971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21" name="Main Text">
            <a:extLst>
              <a:ext uri="{FF2B5EF4-FFF2-40B4-BE49-F238E27FC236}">
                <a16:creationId xmlns:a16="http://schemas.microsoft.com/office/drawing/2014/main" id="{D89E06EB-7320-43A8-B08E-D0A7B2440E4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2" name="Subtitle">
            <a:extLst>
              <a:ext uri="{FF2B5EF4-FFF2-40B4-BE49-F238E27FC236}">
                <a16:creationId xmlns:a16="http://schemas.microsoft.com/office/drawing/2014/main" id="{6658E40C-3C1A-43A6-B7B7-BF97F005244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3" name="MAIN HEADLINE">
            <a:extLst>
              <a:ext uri="{FF2B5EF4-FFF2-40B4-BE49-F238E27FC236}">
                <a16:creationId xmlns:a16="http://schemas.microsoft.com/office/drawing/2014/main" id="{078C27AB-C4E5-4474-A86A-1C300AF03BF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24" name="Border">
            <a:extLst>
              <a:ext uri="{FF2B5EF4-FFF2-40B4-BE49-F238E27FC236}">
                <a16:creationId xmlns:a16="http://schemas.microsoft.com/office/drawing/2014/main" id="{66B2F0C4-6560-49D2-A7F2-3EB4A75B1C8A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42866023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3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4E09C6AA-0F1A-45A6-B945-1BF680884EC3}"/>
              </a:ext>
            </a:extLst>
          </p:cNvPr>
          <p:cNvSpPr/>
          <p:nvPr userDrawn="1"/>
        </p:nvSpPr>
        <p:spPr>
          <a:xfrm>
            <a:off x="2985870" y="-2619"/>
            <a:ext cx="4575395" cy="4489322"/>
          </a:xfrm>
          <a:custGeom>
            <a:avLst/>
            <a:gdLst>
              <a:gd name="connsiteX0" fmla="*/ 4575394 w 4575395"/>
              <a:gd name="connsiteY0" fmla="*/ 1084933 h 4489322"/>
              <a:gd name="connsiteX1" fmla="*/ 4575395 w 4575395"/>
              <a:gd name="connsiteY1" fmla="*/ 4489322 h 4489322"/>
              <a:gd name="connsiteX2" fmla="*/ 2873200 w 4575395"/>
              <a:gd name="connsiteY2" fmla="*/ 2787127 h 4489322"/>
              <a:gd name="connsiteX3" fmla="*/ 0 w 4575395"/>
              <a:gd name="connsiteY3" fmla="*/ 0 h 4489322"/>
              <a:gd name="connsiteX4" fmla="*/ 3208764 w 4575395"/>
              <a:gd name="connsiteY4" fmla="*/ 0 h 4489322"/>
              <a:gd name="connsiteX5" fmla="*/ 1604382 w 4575395"/>
              <a:gd name="connsiteY5" fmla="*/ 1604383 h 44893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575395" h="4489322">
                <a:moveTo>
                  <a:pt x="4575394" y="1084933"/>
                </a:moveTo>
                <a:lnTo>
                  <a:pt x="4575395" y="4489322"/>
                </a:lnTo>
                <a:lnTo>
                  <a:pt x="2873200" y="2787127"/>
                </a:lnTo>
                <a:close/>
                <a:moveTo>
                  <a:pt x="0" y="0"/>
                </a:moveTo>
                <a:lnTo>
                  <a:pt x="3208764" y="0"/>
                </a:lnTo>
                <a:lnTo>
                  <a:pt x="1604382" y="160438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Main Text">
            <a:extLst>
              <a:ext uri="{FF2B5EF4-FFF2-40B4-BE49-F238E27FC236}">
                <a16:creationId xmlns:a16="http://schemas.microsoft.com/office/drawing/2014/main" id="{BDEC5646-48FC-4150-A777-43EC3205744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0" name="Subtitle">
            <a:extLst>
              <a:ext uri="{FF2B5EF4-FFF2-40B4-BE49-F238E27FC236}">
                <a16:creationId xmlns:a16="http://schemas.microsoft.com/office/drawing/2014/main" id="{29E0D372-FEBE-4752-BC14-8DAEC6E41836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1" name="MAIN HEADLINE">
            <a:extLst>
              <a:ext uri="{FF2B5EF4-FFF2-40B4-BE49-F238E27FC236}">
                <a16:creationId xmlns:a16="http://schemas.microsoft.com/office/drawing/2014/main" id="{ED826BDB-FF4D-4EE2-B6C0-3B6F0186750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22" name="Border">
            <a:extLst>
              <a:ext uri="{FF2B5EF4-FFF2-40B4-BE49-F238E27FC236}">
                <a16:creationId xmlns:a16="http://schemas.microsoft.com/office/drawing/2014/main" id="{61B69682-4CBA-4E70-98EA-2119776A544C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0130603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4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hape">
            <a:extLst>
              <a:ext uri="{FF2B5EF4-FFF2-40B4-BE49-F238E27FC236}">
                <a16:creationId xmlns:a16="http://schemas.microsoft.com/office/drawing/2014/main" id="{1D41C8DD-DD55-48C9-B031-92072E9E60A9}"/>
              </a:ext>
            </a:extLst>
          </p:cNvPr>
          <p:cNvSpPr/>
          <p:nvPr userDrawn="1"/>
        </p:nvSpPr>
        <p:spPr>
          <a:xfrm flipV="1">
            <a:off x="1236915" y="7345340"/>
            <a:ext cx="6324348" cy="3348060"/>
          </a:xfrm>
          <a:custGeom>
            <a:avLst/>
            <a:gdLst>
              <a:gd name="connsiteX0" fmla="*/ 2228068 w 6324348"/>
              <a:gd name="connsiteY0" fmla="*/ 3348060 h 3348060"/>
              <a:gd name="connsiteX1" fmla="*/ 3528343 w 6324348"/>
              <a:gd name="connsiteY1" fmla="*/ 3348060 h 3348060"/>
              <a:gd name="connsiteX2" fmla="*/ 6324348 w 6324348"/>
              <a:gd name="connsiteY2" fmla="*/ 3348060 h 3348060"/>
              <a:gd name="connsiteX3" fmla="*/ 6324348 w 6324348"/>
              <a:gd name="connsiteY3" fmla="*/ 0 h 3348060"/>
              <a:gd name="connsiteX4" fmla="*/ 3528343 w 6324348"/>
              <a:gd name="connsiteY4" fmla="*/ 0 h 3348060"/>
              <a:gd name="connsiteX5" fmla="*/ 3528343 w 6324348"/>
              <a:gd name="connsiteY5" fmla="*/ 2527647 h 3348060"/>
              <a:gd name="connsiteX6" fmla="*/ 2232248 w 6324348"/>
              <a:gd name="connsiteY6" fmla="*/ 2527647 h 3348060"/>
              <a:gd name="connsiteX7" fmla="*/ 2232248 w 6324348"/>
              <a:gd name="connsiteY7" fmla="*/ 0 h 3348060"/>
              <a:gd name="connsiteX8" fmla="*/ 0 w 6324348"/>
              <a:gd name="connsiteY8" fmla="*/ 0 h 3348060"/>
              <a:gd name="connsiteX9" fmla="*/ 0 w 6324348"/>
              <a:gd name="connsiteY9" fmla="*/ 2538388 h 3348060"/>
              <a:gd name="connsiteX10" fmla="*/ 2228068 w 6324348"/>
              <a:gd name="connsiteY10" fmla="*/ 2538388 h 33480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324348" h="3348060">
                <a:moveTo>
                  <a:pt x="2228068" y="3348060"/>
                </a:moveTo>
                <a:lnTo>
                  <a:pt x="3528343" y="3348060"/>
                </a:lnTo>
                <a:lnTo>
                  <a:pt x="6324348" y="3348060"/>
                </a:lnTo>
                <a:lnTo>
                  <a:pt x="6324348" y="0"/>
                </a:lnTo>
                <a:lnTo>
                  <a:pt x="3528343" y="0"/>
                </a:lnTo>
                <a:lnTo>
                  <a:pt x="3528343" y="2527647"/>
                </a:lnTo>
                <a:lnTo>
                  <a:pt x="2232248" y="2527647"/>
                </a:lnTo>
                <a:lnTo>
                  <a:pt x="2232248" y="0"/>
                </a:lnTo>
                <a:lnTo>
                  <a:pt x="0" y="0"/>
                </a:lnTo>
                <a:lnTo>
                  <a:pt x="0" y="2538388"/>
                </a:lnTo>
                <a:lnTo>
                  <a:pt x="2228068" y="2538388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/>
          </a:p>
        </p:txBody>
      </p:sp>
      <p:sp>
        <p:nvSpPr>
          <p:cNvPr id="15" name="Picture">
            <a:extLst>
              <a:ext uri="{FF2B5EF4-FFF2-40B4-BE49-F238E27FC236}">
                <a16:creationId xmlns:a16="http://schemas.microsoft.com/office/drawing/2014/main" id="{01085CA5-0061-4E66-BE98-CDE58985AF5E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20" name="Main Text">
            <a:extLst>
              <a:ext uri="{FF2B5EF4-FFF2-40B4-BE49-F238E27FC236}">
                <a16:creationId xmlns:a16="http://schemas.microsoft.com/office/drawing/2014/main" id="{8B208324-50C6-4DA8-98F3-1BB40A5CF4C4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1" name="Subtitle">
            <a:extLst>
              <a:ext uri="{FF2B5EF4-FFF2-40B4-BE49-F238E27FC236}">
                <a16:creationId xmlns:a16="http://schemas.microsoft.com/office/drawing/2014/main" id="{6FADA473-05FA-4927-BEF0-BC555421982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2" name="MAIN HEADLINE">
            <a:extLst>
              <a:ext uri="{FF2B5EF4-FFF2-40B4-BE49-F238E27FC236}">
                <a16:creationId xmlns:a16="http://schemas.microsoft.com/office/drawing/2014/main" id="{A175DFED-9608-4F8A-9F92-71A6AE0CA67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23" name="Border">
            <a:extLst>
              <a:ext uri="{FF2B5EF4-FFF2-40B4-BE49-F238E27FC236}">
                <a16:creationId xmlns:a16="http://schemas.microsoft.com/office/drawing/2014/main" id="{26E8A5A3-0411-4729-896A-8487132AB08F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26908102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4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hape">
            <a:extLst>
              <a:ext uri="{FF2B5EF4-FFF2-40B4-BE49-F238E27FC236}">
                <a16:creationId xmlns:a16="http://schemas.microsoft.com/office/drawing/2014/main" id="{03293427-C0D4-4880-B1F7-DB939ABC9F21}"/>
              </a:ext>
            </a:extLst>
          </p:cNvPr>
          <p:cNvSpPr/>
          <p:nvPr userDrawn="1"/>
        </p:nvSpPr>
        <p:spPr>
          <a:xfrm flipV="1">
            <a:off x="1236915" y="7345340"/>
            <a:ext cx="6324348" cy="3348060"/>
          </a:xfrm>
          <a:custGeom>
            <a:avLst/>
            <a:gdLst>
              <a:gd name="connsiteX0" fmla="*/ 2228068 w 6324348"/>
              <a:gd name="connsiteY0" fmla="*/ 3348060 h 3348060"/>
              <a:gd name="connsiteX1" fmla="*/ 3528343 w 6324348"/>
              <a:gd name="connsiteY1" fmla="*/ 3348060 h 3348060"/>
              <a:gd name="connsiteX2" fmla="*/ 6324348 w 6324348"/>
              <a:gd name="connsiteY2" fmla="*/ 3348060 h 3348060"/>
              <a:gd name="connsiteX3" fmla="*/ 6324348 w 6324348"/>
              <a:gd name="connsiteY3" fmla="*/ 0 h 3348060"/>
              <a:gd name="connsiteX4" fmla="*/ 3528343 w 6324348"/>
              <a:gd name="connsiteY4" fmla="*/ 0 h 3348060"/>
              <a:gd name="connsiteX5" fmla="*/ 3528343 w 6324348"/>
              <a:gd name="connsiteY5" fmla="*/ 2527647 h 3348060"/>
              <a:gd name="connsiteX6" fmla="*/ 2232248 w 6324348"/>
              <a:gd name="connsiteY6" fmla="*/ 2527647 h 3348060"/>
              <a:gd name="connsiteX7" fmla="*/ 2232248 w 6324348"/>
              <a:gd name="connsiteY7" fmla="*/ 0 h 3348060"/>
              <a:gd name="connsiteX8" fmla="*/ 0 w 6324348"/>
              <a:gd name="connsiteY8" fmla="*/ 0 h 3348060"/>
              <a:gd name="connsiteX9" fmla="*/ 0 w 6324348"/>
              <a:gd name="connsiteY9" fmla="*/ 2538388 h 3348060"/>
              <a:gd name="connsiteX10" fmla="*/ 2228068 w 6324348"/>
              <a:gd name="connsiteY10" fmla="*/ 2538388 h 33480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324348" h="3348060">
                <a:moveTo>
                  <a:pt x="2228068" y="3348060"/>
                </a:moveTo>
                <a:lnTo>
                  <a:pt x="3528343" y="3348060"/>
                </a:lnTo>
                <a:lnTo>
                  <a:pt x="6324348" y="3348060"/>
                </a:lnTo>
                <a:lnTo>
                  <a:pt x="6324348" y="0"/>
                </a:lnTo>
                <a:lnTo>
                  <a:pt x="3528343" y="0"/>
                </a:lnTo>
                <a:lnTo>
                  <a:pt x="3528343" y="2527647"/>
                </a:lnTo>
                <a:lnTo>
                  <a:pt x="2232248" y="2527647"/>
                </a:lnTo>
                <a:lnTo>
                  <a:pt x="2232248" y="0"/>
                </a:lnTo>
                <a:lnTo>
                  <a:pt x="0" y="0"/>
                </a:lnTo>
                <a:lnTo>
                  <a:pt x="0" y="2538388"/>
                </a:lnTo>
                <a:lnTo>
                  <a:pt x="2228068" y="2538388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/>
          </a:p>
        </p:txBody>
      </p:sp>
      <p:sp>
        <p:nvSpPr>
          <p:cNvPr id="15" name="Main Text">
            <a:extLst>
              <a:ext uri="{FF2B5EF4-FFF2-40B4-BE49-F238E27FC236}">
                <a16:creationId xmlns:a16="http://schemas.microsoft.com/office/drawing/2014/main" id="{35349870-CF3C-4A94-B0CC-80623F38DD6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CA406BF3-45DD-4D4E-B0B6-B9B832DA4455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MAIN HEADLINE">
            <a:extLst>
              <a:ext uri="{FF2B5EF4-FFF2-40B4-BE49-F238E27FC236}">
                <a16:creationId xmlns:a16="http://schemas.microsoft.com/office/drawing/2014/main" id="{0B019383-0D49-41C0-AD28-24BB8903128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18" name="Border">
            <a:extLst>
              <a:ext uri="{FF2B5EF4-FFF2-40B4-BE49-F238E27FC236}">
                <a16:creationId xmlns:a16="http://schemas.microsoft.com/office/drawing/2014/main" id="{921ED90D-4E11-489D-A430-2A170E511022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6001729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4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hape">
            <a:extLst>
              <a:ext uri="{FF2B5EF4-FFF2-40B4-BE49-F238E27FC236}">
                <a16:creationId xmlns:a16="http://schemas.microsoft.com/office/drawing/2014/main" id="{6E833984-2585-4804-B2D0-C32492100A1F}"/>
              </a:ext>
            </a:extLst>
          </p:cNvPr>
          <p:cNvSpPr/>
          <p:nvPr userDrawn="1"/>
        </p:nvSpPr>
        <p:spPr>
          <a:xfrm flipV="1">
            <a:off x="1236915" y="7345340"/>
            <a:ext cx="6324348" cy="3348060"/>
          </a:xfrm>
          <a:custGeom>
            <a:avLst/>
            <a:gdLst>
              <a:gd name="connsiteX0" fmla="*/ 2228068 w 6324348"/>
              <a:gd name="connsiteY0" fmla="*/ 3348060 h 3348060"/>
              <a:gd name="connsiteX1" fmla="*/ 3528343 w 6324348"/>
              <a:gd name="connsiteY1" fmla="*/ 3348060 h 3348060"/>
              <a:gd name="connsiteX2" fmla="*/ 6324348 w 6324348"/>
              <a:gd name="connsiteY2" fmla="*/ 3348060 h 3348060"/>
              <a:gd name="connsiteX3" fmla="*/ 6324348 w 6324348"/>
              <a:gd name="connsiteY3" fmla="*/ 0 h 3348060"/>
              <a:gd name="connsiteX4" fmla="*/ 3528343 w 6324348"/>
              <a:gd name="connsiteY4" fmla="*/ 0 h 3348060"/>
              <a:gd name="connsiteX5" fmla="*/ 3528343 w 6324348"/>
              <a:gd name="connsiteY5" fmla="*/ 2527647 h 3348060"/>
              <a:gd name="connsiteX6" fmla="*/ 2232248 w 6324348"/>
              <a:gd name="connsiteY6" fmla="*/ 2527647 h 3348060"/>
              <a:gd name="connsiteX7" fmla="*/ 2232248 w 6324348"/>
              <a:gd name="connsiteY7" fmla="*/ 0 h 3348060"/>
              <a:gd name="connsiteX8" fmla="*/ 0 w 6324348"/>
              <a:gd name="connsiteY8" fmla="*/ 0 h 3348060"/>
              <a:gd name="connsiteX9" fmla="*/ 0 w 6324348"/>
              <a:gd name="connsiteY9" fmla="*/ 2538388 h 3348060"/>
              <a:gd name="connsiteX10" fmla="*/ 2228068 w 6324348"/>
              <a:gd name="connsiteY10" fmla="*/ 2538388 h 33480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324348" h="3348060">
                <a:moveTo>
                  <a:pt x="2228068" y="3348060"/>
                </a:moveTo>
                <a:lnTo>
                  <a:pt x="3528343" y="3348060"/>
                </a:lnTo>
                <a:lnTo>
                  <a:pt x="6324348" y="3348060"/>
                </a:lnTo>
                <a:lnTo>
                  <a:pt x="6324348" y="0"/>
                </a:lnTo>
                <a:lnTo>
                  <a:pt x="3528343" y="0"/>
                </a:lnTo>
                <a:lnTo>
                  <a:pt x="3528343" y="2527647"/>
                </a:lnTo>
                <a:lnTo>
                  <a:pt x="2232248" y="2527647"/>
                </a:lnTo>
                <a:lnTo>
                  <a:pt x="2232248" y="0"/>
                </a:lnTo>
                <a:lnTo>
                  <a:pt x="0" y="0"/>
                </a:lnTo>
                <a:lnTo>
                  <a:pt x="0" y="2538388"/>
                </a:lnTo>
                <a:lnTo>
                  <a:pt x="2228068" y="2538388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/>
          </a:p>
        </p:txBody>
      </p:sp>
      <p:sp>
        <p:nvSpPr>
          <p:cNvPr id="14" name="Picture">
            <a:extLst>
              <a:ext uri="{FF2B5EF4-FFF2-40B4-BE49-F238E27FC236}">
                <a16:creationId xmlns:a16="http://schemas.microsoft.com/office/drawing/2014/main" id="{ACB4E223-1501-4551-8150-B0C8A814B3A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5" name="Main Text">
            <a:extLst>
              <a:ext uri="{FF2B5EF4-FFF2-40B4-BE49-F238E27FC236}">
                <a16:creationId xmlns:a16="http://schemas.microsoft.com/office/drawing/2014/main" id="{6488BE34-1A24-49B9-8F7B-315504CA199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Subtitle">
            <a:extLst>
              <a:ext uri="{FF2B5EF4-FFF2-40B4-BE49-F238E27FC236}">
                <a16:creationId xmlns:a16="http://schemas.microsoft.com/office/drawing/2014/main" id="{872EBA0C-84E3-4E27-9EC0-5C9B8B939E2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1" name="MAIN HEADLINE">
            <a:extLst>
              <a:ext uri="{FF2B5EF4-FFF2-40B4-BE49-F238E27FC236}">
                <a16:creationId xmlns:a16="http://schemas.microsoft.com/office/drawing/2014/main" id="{D92A35EA-82AF-43DC-85EF-F09E67A9142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22" name="Border">
            <a:extLst>
              <a:ext uri="{FF2B5EF4-FFF2-40B4-BE49-F238E27FC236}">
                <a16:creationId xmlns:a16="http://schemas.microsoft.com/office/drawing/2014/main" id="{89736139-BC0C-4C84-BF61-4FDC9EF2C855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2011716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4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Shape">
            <a:extLst>
              <a:ext uri="{FF2B5EF4-FFF2-40B4-BE49-F238E27FC236}">
                <a16:creationId xmlns:a16="http://schemas.microsoft.com/office/drawing/2014/main" id="{8CF92DA9-476E-4FBD-BE86-283912117E5D}"/>
              </a:ext>
            </a:extLst>
          </p:cNvPr>
          <p:cNvSpPr/>
          <p:nvPr userDrawn="1"/>
        </p:nvSpPr>
        <p:spPr>
          <a:xfrm flipV="1">
            <a:off x="1236915" y="7345340"/>
            <a:ext cx="6324348" cy="3348060"/>
          </a:xfrm>
          <a:custGeom>
            <a:avLst/>
            <a:gdLst>
              <a:gd name="connsiteX0" fmla="*/ 2228068 w 6324348"/>
              <a:gd name="connsiteY0" fmla="*/ 3348060 h 3348060"/>
              <a:gd name="connsiteX1" fmla="*/ 3528343 w 6324348"/>
              <a:gd name="connsiteY1" fmla="*/ 3348060 h 3348060"/>
              <a:gd name="connsiteX2" fmla="*/ 6324348 w 6324348"/>
              <a:gd name="connsiteY2" fmla="*/ 3348060 h 3348060"/>
              <a:gd name="connsiteX3" fmla="*/ 6324348 w 6324348"/>
              <a:gd name="connsiteY3" fmla="*/ 0 h 3348060"/>
              <a:gd name="connsiteX4" fmla="*/ 3528343 w 6324348"/>
              <a:gd name="connsiteY4" fmla="*/ 0 h 3348060"/>
              <a:gd name="connsiteX5" fmla="*/ 3528343 w 6324348"/>
              <a:gd name="connsiteY5" fmla="*/ 2527647 h 3348060"/>
              <a:gd name="connsiteX6" fmla="*/ 2232248 w 6324348"/>
              <a:gd name="connsiteY6" fmla="*/ 2527647 h 3348060"/>
              <a:gd name="connsiteX7" fmla="*/ 2232248 w 6324348"/>
              <a:gd name="connsiteY7" fmla="*/ 0 h 3348060"/>
              <a:gd name="connsiteX8" fmla="*/ 0 w 6324348"/>
              <a:gd name="connsiteY8" fmla="*/ 0 h 3348060"/>
              <a:gd name="connsiteX9" fmla="*/ 0 w 6324348"/>
              <a:gd name="connsiteY9" fmla="*/ 2538388 h 3348060"/>
              <a:gd name="connsiteX10" fmla="*/ 2228068 w 6324348"/>
              <a:gd name="connsiteY10" fmla="*/ 2538388 h 33480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324348" h="3348060">
                <a:moveTo>
                  <a:pt x="2228068" y="3348060"/>
                </a:moveTo>
                <a:lnTo>
                  <a:pt x="3528343" y="3348060"/>
                </a:lnTo>
                <a:lnTo>
                  <a:pt x="6324348" y="3348060"/>
                </a:lnTo>
                <a:lnTo>
                  <a:pt x="6324348" y="0"/>
                </a:lnTo>
                <a:lnTo>
                  <a:pt x="3528343" y="0"/>
                </a:lnTo>
                <a:lnTo>
                  <a:pt x="3528343" y="2527647"/>
                </a:lnTo>
                <a:lnTo>
                  <a:pt x="2232248" y="2527647"/>
                </a:lnTo>
                <a:lnTo>
                  <a:pt x="2232248" y="0"/>
                </a:lnTo>
                <a:lnTo>
                  <a:pt x="0" y="0"/>
                </a:lnTo>
                <a:lnTo>
                  <a:pt x="0" y="2538388"/>
                </a:lnTo>
                <a:lnTo>
                  <a:pt x="2228068" y="2538388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/>
          </a:p>
        </p:txBody>
      </p:sp>
      <p:sp>
        <p:nvSpPr>
          <p:cNvPr id="18" name="Main Text">
            <a:extLst>
              <a:ext uri="{FF2B5EF4-FFF2-40B4-BE49-F238E27FC236}">
                <a16:creationId xmlns:a16="http://schemas.microsoft.com/office/drawing/2014/main" id="{F6847A8D-D273-4987-9322-057FBE551BD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9" name="Subtitle">
            <a:extLst>
              <a:ext uri="{FF2B5EF4-FFF2-40B4-BE49-F238E27FC236}">
                <a16:creationId xmlns:a16="http://schemas.microsoft.com/office/drawing/2014/main" id="{8A395C13-F39A-44B5-BB5B-AC3F2B1C5AA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0" name="MAIN HEADLINE">
            <a:extLst>
              <a:ext uri="{FF2B5EF4-FFF2-40B4-BE49-F238E27FC236}">
                <a16:creationId xmlns:a16="http://schemas.microsoft.com/office/drawing/2014/main" id="{49375A2E-2E5B-48E1-AEAC-76EB7196A6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10516190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5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Shape">
            <a:extLst>
              <a:ext uri="{FF2B5EF4-FFF2-40B4-BE49-F238E27FC236}">
                <a16:creationId xmlns:a16="http://schemas.microsoft.com/office/drawing/2014/main" id="{8F3C6FF8-6D6A-4247-86C0-FD3A81E7F854}"/>
              </a:ext>
            </a:extLst>
          </p:cNvPr>
          <p:cNvSpPr/>
          <p:nvPr userDrawn="1"/>
        </p:nvSpPr>
        <p:spPr>
          <a:xfrm>
            <a:off x="3780631" y="1"/>
            <a:ext cx="3780633" cy="2690283"/>
          </a:xfrm>
          <a:custGeom>
            <a:avLst/>
            <a:gdLst>
              <a:gd name="connsiteX0" fmla="*/ 0 w 3996657"/>
              <a:gd name="connsiteY0" fmla="*/ 0 h 2844005"/>
              <a:gd name="connsiteX1" fmla="*/ 2232248 w 3996657"/>
              <a:gd name="connsiteY1" fmla="*/ 0 h 2844005"/>
              <a:gd name="connsiteX2" fmla="*/ 2232248 w 3996657"/>
              <a:gd name="connsiteY2" fmla="*/ 2023592 h 2844005"/>
              <a:gd name="connsiteX3" fmla="*/ 3528344 w 3996657"/>
              <a:gd name="connsiteY3" fmla="*/ 2023592 h 2844005"/>
              <a:gd name="connsiteX4" fmla="*/ 3528344 w 3996657"/>
              <a:gd name="connsiteY4" fmla="*/ 0 h 2844005"/>
              <a:gd name="connsiteX5" fmla="*/ 3996657 w 3996657"/>
              <a:gd name="connsiteY5" fmla="*/ 0 h 2844005"/>
              <a:gd name="connsiteX6" fmla="*/ 3996657 w 3996657"/>
              <a:gd name="connsiteY6" fmla="*/ 2844005 h 2844005"/>
              <a:gd name="connsiteX7" fmla="*/ 3528344 w 3996657"/>
              <a:gd name="connsiteY7" fmla="*/ 2844005 h 2844005"/>
              <a:gd name="connsiteX8" fmla="*/ 2228070 w 3996657"/>
              <a:gd name="connsiteY8" fmla="*/ 2844005 h 2844005"/>
              <a:gd name="connsiteX9" fmla="*/ 2228070 w 3996657"/>
              <a:gd name="connsiteY9" fmla="*/ 2034333 h 2844005"/>
              <a:gd name="connsiteX10" fmla="*/ 0 w 3996657"/>
              <a:gd name="connsiteY10" fmla="*/ 2034333 h 28440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996657" h="2844005">
                <a:moveTo>
                  <a:pt x="0" y="0"/>
                </a:moveTo>
                <a:lnTo>
                  <a:pt x="2232248" y="0"/>
                </a:lnTo>
                <a:lnTo>
                  <a:pt x="2232248" y="2023592"/>
                </a:lnTo>
                <a:lnTo>
                  <a:pt x="3528344" y="2023592"/>
                </a:lnTo>
                <a:lnTo>
                  <a:pt x="3528344" y="0"/>
                </a:lnTo>
                <a:lnTo>
                  <a:pt x="3996657" y="0"/>
                </a:lnTo>
                <a:lnTo>
                  <a:pt x="3996657" y="2844005"/>
                </a:lnTo>
                <a:lnTo>
                  <a:pt x="3528344" y="2844005"/>
                </a:lnTo>
                <a:lnTo>
                  <a:pt x="2228070" y="2844005"/>
                </a:lnTo>
                <a:lnTo>
                  <a:pt x="2228070" y="2034333"/>
                </a:lnTo>
                <a:lnTo>
                  <a:pt x="0" y="203433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/>
          </a:p>
        </p:txBody>
      </p:sp>
      <p:sp>
        <p:nvSpPr>
          <p:cNvPr id="20" name="Picture">
            <a:extLst>
              <a:ext uri="{FF2B5EF4-FFF2-40B4-BE49-F238E27FC236}">
                <a16:creationId xmlns:a16="http://schemas.microsoft.com/office/drawing/2014/main" id="{F2651F62-2FCE-45D9-B44E-0C7E7A54762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21" name="Main Text">
            <a:extLst>
              <a:ext uri="{FF2B5EF4-FFF2-40B4-BE49-F238E27FC236}">
                <a16:creationId xmlns:a16="http://schemas.microsoft.com/office/drawing/2014/main" id="{ECAC9F4A-18C9-471B-BA82-CC143400A25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2" name="Subtitle">
            <a:extLst>
              <a:ext uri="{FF2B5EF4-FFF2-40B4-BE49-F238E27FC236}">
                <a16:creationId xmlns:a16="http://schemas.microsoft.com/office/drawing/2014/main" id="{3B791C8F-86BB-4595-970A-10AE36E83A4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3" name="MAIN HEADLINE">
            <a:extLst>
              <a:ext uri="{FF2B5EF4-FFF2-40B4-BE49-F238E27FC236}">
                <a16:creationId xmlns:a16="http://schemas.microsoft.com/office/drawing/2014/main" id="{6A856FD1-98CD-4908-8607-0B543CD80D4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F947722A-4467-482D-A894-D7E8F476E7D1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0323347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5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2C653C4B-BAF6-4A44-9229-32BBEA99D44C}"/>
              </a:ext>
            </a:extLst>
          </p:cNvPr>
          <p:cNvSpPr/>
          <p:nvPr userDrawn="1"/>
        </p:nvSpPr>
        <p:spPr>
          <a:xfrm>
            <a:off x="3780631" y="1"/>
            <a:ext cx="3780633" cy="2690283"/>
          </a:xfrm>
          <a:custGeom>
            <a:avLst/>
            <a:gdLst>
              <a:gd name="connsiteX0" fmla="*/ 0 w 3996657"/>
              <a:gd name="connsiteY0" fmla="*/ 0 h 2844005"/>
              <a:gd name="connsiteX1" fmla="*/ 2232248 w 3996657"/>
              <a:gd name="connsiteY1" fmla="*/ 0 h 2844005"/>
              <a:gd name="connsiteX2" fmla="*/ 2232248 w 3996657"/>
              <a:gd name="connsiteY2" fmla="*/ 2023592 h 2844005"/>
              <a:gd name="connsiteX3" fmla="*/ 3528344 w 3996657"/>
              <a:gd name="connsiteY3" fmla="*/ 2023592 h 2844005"/>
              <a:gd name="connsiteX4" fmla="*/ 3528344 w 3996657"/>
              <a:gd name="connsiteY4" fmla="*/ 0 h 2844005"/>
              <a:gd name="connsiteX5" fmla="*/ 3996657 w 3996657"/>
              <a:gd name="connsiteY5" fmla="*/ 0 h 2844005"/>
              <a:gd name="connsiteX6" fmla="*/ 3996657 w 3996657"/>
              <a:gd name="connsiteY6" fmla="*/ 2844005 h 2844005"/>
              <a:gd name="connsiteX7" fmla="*/ 3528344 w 3996657"/>
              <a:gd name="connsiteY7" fmla="*/ 2844005 h 2844005"/>
              <a:gd name="connsiteX8" fmla="*/ 2228070 w 3996657"/>
              <a:gd name="connsiteY8" fmla="*/ 2844005 h 2844005"/>
              <a:gd name="connsiteX9" fmla="*/ 2228070 w 3996657"/>
              <a:gd name="connsiteY9" fmla="*/ 2034333 h 2844005"/>
              <a:gd name="connsiteX10" fmla="*/ 0 w 3996657"/>
              <a:gd name="connsiteY10" fmla="*/ 2034333 h 28440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996657" h="2844005">
                <a:moveTo>
                  <a:pt x="0" y="0"/>
                </a:moveTo>
                <a:lnTo>
                  <a:pt x="2232248" y="0"/>
                </a:lnTo>
                <a:lnTo>
                  <a:pt x="2232248" y="2023592"/>
                </a:lnTo>
                <a:lnTo>
                  <a:pt x="3528344" y="2023592"/>
                </a:lnTo>
                <a:lnTo>
                  <a:pt x="3528344" y="0"/>
                </a:lnTo>
                <a:lnTo>
                  <a:pt x="3996657" y="0"/>
                </a:lnTo>
                <a:lnTo>
                  <a:pt x="3996657" y="2844005"/>
                </a:lnTo>
                <a:lnTo>
                  <a:pt x="3528344" y="2844005"/>
                </a:lnTo>
                <a:lnTo>
                  <a:pt x="2228070" y="2844005"/>
                </a:lnTo>
                <a:lnTo>
                  <a:pt x="2228070" y="2034333"/>
                </a:lnTo>
                <a:lnTo>
                  <a:pt x="0" y="203433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/>
          </a:p>
        </p:txBody>
      </p:sp>
      <p:sp>
        <p:nvSpPr>
          <p:cNvPr id="17" name="Main Text">
            <a:extLst>
              <a:ext uri="{FF2B5EF4-FFF2-40B4-BE49-F238E27FC236}">
                <a16:creationId xmlns:a16="http://schemas.microsoft.com/office/drawing/2014/main" id="{0C452E6F-DCB9-46EC-923B-051FC968D4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E09E4FAA-CFDC-4E6A-ADC3-E3A0833F0CC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9" name="MAIN HEADLINE">
            <a:extLst>
              <a:ext uri="{FF2B5EF4-FFF2-40B4-BE49-F238E27FC236}">
                <a16:creationId xmlns:a16="http://schemas.microsoft.com/office/drawing/2014/main" id="{57275ED4-72FB-4390-A552-8C424BDE801D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7095FEB4-9521-4E23-8504-F8B188096D4B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1814485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5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hape">
            <a:extLst>
              <a:ext uri="{FF2B5EF4-FFF2-40B4-BE49-F238E27FC236}">
                <a16:creationId xmlns:a16="http://schemas.microsoft.com/office/drawing/2014/main" id="{0A057036-13F2-40A1-B2A0-4AFF2F2E4128}"/>
              </a:ext>
            </a:extLst>
          </p:cNvPr>
          <p:cNvSpPr/>
          <p:nvPr userDrawn="1"/>
        </p:nvSpPr>
        <p:spPr>
          <a:xfrm>
            <a:off x="3780631" y="1"/>
            <a:ext cx="3780633" cy="2690283"/>
          </a:xfrm>
          <a:custGeom>
            <a:avLst/>
            <a:gdLst>
              <a:gd name="connsiteX0" fmla="*/ 0 w 3996657"/>
              <a:gd name="connsiteY0" fmla="*/ 0 h 2844005"/>
              <a:gd name="connsiteX1" fmla="*/ 2232248 w 3996657"/>
              <a:gd name="connsiteY1" fmla="*/ 0 h 2844005"/>
              <a:gd name="connsiteX2" fmla="*/ 2232248 w 3996657"/>
              <a:gd name="connsiteY2" fmla="*/ 2023592 h 2844005"/>
              <a:gd name="connsiteX3" fmla="*/ 3528344 w 3996657"/>
              <a:gd name="connsiteY3" fmla="*/ 2023592 h 2844005"/>
              <a:gd name="connsiteX4" fmla="*/ 3528344 w 3996657"/>
              <a:gd name="connsiteY4" fmla="*/ 0 h 2844005"/>
              <a:gd name="connsiteX5" fmla="*/ 3996657 w 3996657"/>
              <a:gd name="connsiteY5" fmla="*/ 0 h 2844005"/>
              <a:gd name="connsiteX6" fmla="*/ 3996657 w 3996657"/>
              <a:gd name="connsiteY6" fmla="*/ 2844005 h 2844005"/>
              <a:gd name="connsiteX7" fmla="*/ 3528344 w 3996657"/>
              <a:gd name="connsiteY7" fmla="*/ 2844005 h 2844005"/>
              <a:gd name="connsiteX8" fmla="*/ 2228070 w 3996657"/>
              <a:gd name="connsiteY8" fmla="*/ 2844005 h 2844005"/>
              <a:gd name="connsiteX9" fmla="*/ 2228070 w 3996657"/>
              <a:gd name="connsiteY9" fmla="*/ 2034333 h 2844005"/>
              <a:gd name="connsiteX10" fmla="*/ 0 w 3996657"/>
              <a:gd name="connsiteY10" fmla="*/ 2034333 h 28440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996657" h="2844005">
                <a:moveTo>
                  <a:pt x="0" y="0"/>
                </a:moveTo>
                <a:lnTo>
                  <a:pt x="2232248" y="0"/>
                </a:lnTo>
                <a:lnTo>
                  <a:pt x="2232248" y="2023592"/>
                </a:lnTo>
                <a:lnTo>
                  <a:pt x="3528344" y="2023592"/>
                </a:lnTo>
                <a:lnTo>
                  <a:pt x="3528344" y="0"/>
                </a:lnTo>
                <a:lnTo>
                  <a:pt x="3996657" y="0"/>
                </a:lnTo>
                <a:lnTo>
                  <a:pt x="3996657" y="2844005"/>
                </a:lnTo>
                <a:lnTo>
                  <a:pt x="3528344" y="2844005"/>
                </a:lnTo>
                <a:lnTo>
                  <a:pt x="2228070" y="2844005"/>
                </a:lnTo>
                <a:lnTo>
                  <a:pt x="2228070" y="2034333"/>
                </a:lnTo>
                <a:lnTo>
                  <a:pt x="0" y="203433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/>
          </a:p>
        </p:txBody>
      </p:sp>
      <p:sp>
        <p:nvSpPr>
          <p:cNvPr id="17" name="Picture">
            <a:extLst>
              <a:ext uri="{FF2B5EF4-FFF2-40B4-BE49-F238E27FC236}">
                <a16:creationId xmlns:a16="http://schemas.microsoft.com/office/drawing/2014/main" id="{3673B104-59B7-4C49-8322-DEB3989ACFE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20" name="Main Text">
            <a:extLst>
              <a:ext uri="{FF2B5EF4-FFF2-40B4-BE49-F238E27FC236}">
                <a16:creationId xmlns:a16="http://schemas.microsoft.com/office/drawing/2014/main" id="{405B7B18-C424-432B-86D3-0EA080F994C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1" name="Subtitle">
            <a:extLst>
              <a:ext uri="{FF2B5EF4-FFF2-40B4-BE49-F238E27FC236}">
                <a16:creationId xmlns:a16="http://schemas.microsoft.com/office/drawing/2014/main" id="{7D4ACF89-6320-4F37-94C8-C845259C21E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2" name="MAIN HEADLINE">
            <a:extLst>
              <a:ext uri="{FF2B5EF4-FFF2-40B4-BE49-F238E27FC236}">
                <a16:creationId xmlns:a16="http://schemas.microsoft.com/office/drawing/2014/main" id="{0A7F37A8-3462-4AC6-A4D7-C79BD5D9D4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EEA00327-127A-4AC6-ACB2-3745F849CA6E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41326954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1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606F54D0-C6F8-4E80-AE00-AF7F2809A4D0}"/>
              </a:ext>
            </a:extLst>
          </p:cNvPr>
          <p:cNvSpPr/>
          <p:nvPr userDrawn="1"/>
        </p:nvSpPr>
        <p:spPr>
          <a:xfrm rot="10800000">
            <a:off x="4716735" y="0"/>
            <a:ext cx="2844528" cy="3474492"/>
          </a:xfrm>
          <a:custGeom>
            <a:avLst/>
            <a:gdLst>
              <a:gd name="connsiteX0" fmla="*/ 7909 w 2844528"/>
              <a:gd name="connsiteY0" fmla="*/ 3474492 h 3474492"/>
              <a:gd name="connsiteX1" fmla="*/ 0 w 2844528"/>
              <a:gd name="connsiteY1" fmla="*/ 3474492 h 3474492"/>
              <a:gd name="connsiteX2" fmla="*/ 0 w 2844528"/>
              <a:gd name="connsiteY2" fmla="*/ 1639546 h 3474492"/>
              <a:gd name="connsiteX3" fmla="*/ 7909 w 2844528"/>
              <a:gd name="connsiteY3" fmla="*/ 1638764 h 3474492"/>
              <a:gd name="connsiteX4" fmla="*/ 15345 w 2844528"/>
              <a:gd name="connsiteY4" fmla="*/ 3474492 h 3474492"/>
              <a:gd name="connsiteX5" fmla="*/ 13386 w 2844528"/>
              <a:gd name="connsiteY5" fmla="*/ 3474492 h 3474492"/>
              <a:gd name="connsiteX6" fmla="*/ 13387 w 2844528"/>
              <a:gd name="connsiteY6" fmla="*/ 1638222 h 3474492"/>
              <a:gd name="connsiteX7" fmla="*/ 13416 w 2844528"/>
              <a:gd name="connsiteY7" fmla="*/ 1638223 h 3474492"/>
              <a:gd name="connsiteX8" fmla="*/ 15345 w 2844528"/>
              <a:gd name="connsiteY8" fmla="*/ 1638413 h 3474492"/>
              <a:gd name="connsiteX9" fmla="*/ 2797587 w 2844528"/>
              <a:gd name="connsiteY9" fmla="*/ 3474492 h 3474492"/>
              <a:gd name="connsiteX10" fmla="*/ 1355246 w 2844528"/>
              <a:gd name="connsiteY10" fmla="*/ 3474492 h 3474492"/>
              <a:gd name="connsiteX11" fmla="*/ 1381623 w 2844528"/>
              <a:gd name="connsiteY11" fmla="*/ 3393036 h 3474492"/>
              <a:gd name="connsiteX12" fmla="*/ 1430715 w 2844528"/>
              <a:gd name="connsiteY12" fmla="*/ 3028869 h 3474492"/>
              <a:gd name="connsiteX13" fmla="*/ 299028 w 2844528"/>
              <a:gd name="connsiteY13" fmla="*/ 1666473 h 3474492"/>
              <a:gd name="connsiteX14" fmla="*/ 15345 w 2844528"/>
              <a:gd name="connsiteY14" fmla="*/ 1638413 h 3474492"/>
              <a:gd name="connsiteX15" fmla="*/ 15345 w 2844528"/>
              <a:gd name="connsiteY15" fmla="*/ 1638318 h 3474492"/>
              <a:gd name="connsiteX16" fmla="*/ 13416 w 2844528"/>
              <a:gd name="connsiteY16" fmla="*/ 1638223 h 3474492"/>
              <a:gd name="connsiteX17" fmla="*/ 13387 w 2844528"/>
              <a:gd name="connsiteY17" fmla="*/ 1638220 h 3474492"/>
              <a:gd name="connsiteX18" fmla="*/ 13387 w 2844528"/>
              <a:gd name="connsiteY18" fmla="*/ 1638222 h 3474492"/>
              <a:gd name="connsiteX19" fmla="*/ 7909 w 2844528"/>
              <a:gd name="connsiteY19" fmla="*/ 1638764 h 3474492"/>
              <a:gd name="connsiteX20" fmla="*/ 7909 w 2844528"/>
              <a:gd name="connsiteY20" fmla="*/ 1469 h 3474492"/>
              <a:gd name="connsiteX21" fmla="*/ 62728 w 2844528"/>
              <a:gd name="connsiteY21" fmla="*/ 0 h 3474492"/>
              <a:gd name="connsiteX22" fmla="*/ 2844528 w 2844528"/>
              <a:gd name="connsiteY22" fmla="*/ 2947027 h 3474492"/>
              <a:gd name="connsiteX23" fmla="*/ 2830166 w 2844528"/>
              <a:gd name="connsiteY23" fmla="*/ 3248343 h 34744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</a:cxnLst>
            <a:rect l="l" t="t" r="r" b="b"/>
            <a:pathLst>
              <a:path w="2844528" h="3474492">
                <a:moveTo>
                  <a:pt x="7909" y="3474492"/>
                </a:moveTo>
                <a:lnTo>
                  <a:pt x="0" y="3474492"/>
                </a:lnTo>
                <a:lnTo>
                  <a:pt x="0" y="1639546"/>
                </a:lnTo>
                <a:lnTo>
                  <a:pt x="7909" y="1638764"/>
                </a:lnTo>
                <a:close/>
                <a:moveTo>
                  <a:pt x="15345" y="3474492"/>
                </a:moveTo>
                <a:lnTo>
                  <a:pt x="13386" y="3474492"/>
                </a:lnTo>
                <a:lnTo>
                  <a:pt x="13387" y="1638222"/>
                </a:lnTo>
                <a:lnTo>
                  <a:pt x="13416" y="1638223"/>
                </a:lnTo>
                <a:lnTo>
                  <a:pt x="15345" y="1638413"/>
                </a:lnTo>
                <a:close/>
                <a:moveTo>
                  <a:pt x="2797587" y="3474492"/>
                </a:moveTo>
                <a:lnTo>
                  <a:pt x="1355246" y="3474492"/>
                </a:lnTo>
                <a:lnTo>
                  <a:pt x="1381623" y="3393036"/>
                </a:lnTo>
                <a:cubicBezTo>
                  <a:pt x="1413635" y="3276966"/>
                  <a:pt x="1430715" y="3154874"/>
                  <a:pt x="1430715" y="3028869"/>
                </a:cubicBezTo>
                <a:cubicBezTo>
                  <a:pt x="1430715" y="2356839"/>
                  <a:pt x="944881" y="1796146"/>
                  <a:pt x="299028" y="1666473"/>
                </a:cubicBezTo>
                <a:lnTo>
                  <a:pt x="15345" y="1638413"/>
                </a:lnTo>
                <a:lnTo>
                  <a:pt x="15345" y="1638318"/>
                </a:lnTo>
                <a:lnTo>
                  <a:pt x="13416" y="1638223"/>
                </a:lnTo>
                <a:lnTo>
                  <a:pt x="13387" y="1638220"/>
                </a:lnTo>
                <a:lnTo>
                  <a:pt x="13387" y="1638222"/>
                </a:lnTo>
                <a:lnTo>
                  <a:pt x="7909" y="1638764"/>
                </a:lnTo>
                <a:lnTo>
                  <a:pt x="7909" y="1469"/>
                </a:lnTo>
                <a:cubicBezTo>
                  <a:pt x="26129" y="188"/>
                  <a:pt x="44407" y="0"/>
                  <a:pt x="62728" y="0"/>
                </a:cubicBezTo>
                <a:cubicBezTo>
                  <a:pt x="1599073" y="0"/>
                  <a:pt x="2844528" y="1319429"/>
                  <a:pt x="2844528" y="2947027"/>
                </a:cubicBezTo>
                <a:cubicBezTo>
                  <a:pt x="2844528" y="3048751"/>
                  <a:pt x="2839663" y="3149273"/>
                  <a:pt x="2830166" y="3248343"/>
                </a:cubicBezTo>
                <a:close/>
              </a:path>
            </a:pathLst>
          </a:cu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wrap="square" rtlCol="0" anchor="ctr">
            <a:noAutofit/>
          </a:bodyPr>
          <a:lstStyle/>
          <a:p>
            <a:pPr marL="0" marR="0" lvl="0" indent="0" algn="ctr" defTabSz="685757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50" b="0" i="0" u="none" strike="noStrike" kern="0" cap="none" spc="0" normalizeH="0" baseline="0" noProof="0" dirty="0">
              <a:ln>
                <a:noFill/>
              </a:ln>
              <a:solidFill>
                <a:schemeClr val="accent3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sp>
        <p:nvSpPr>
          <p:cNvPr id="10" name="Main Text">
            <a:extLst>
              <a:ext uri="{FF2B5EF4-FFF2-40B4-BE49-F238E27FC236}">
                <a16:creationId xmlns:a16="http://schemas.microsoft.com/office/drawing/2014/main" id="{24A191B8-94A6-4D17-8569-B0882AD01D8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DF1B214C-325D-4070-BBCC-AB3217EF0F8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MAIN HEADLINE">
            <a:extLst>
              <a:ext uri="{FF2B5EF4-FFF2-40B4-BE49-F238E27FC236}">
                <a16:creationId xmlns:a16="http://schemas.microsoft.com/office/drawing/2014/main" id="{124012DE-EC2C-4C8B-9B82-120390D49F6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36196836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 userDrawn="1">
          <p15:clr>
            <a:srgbClr val="FBAE40"/>
          </p15:clr>
        </p15:guide>
        <p15:guide id="2" pos="295" userDrawn="1">
          <p15:clr>
            <a:srgbClr val="FBAE40"/>
          </p15:clr>
        </p15:guide>
        <p15:guide id="3" pos="4468" userDrawn="1">
          <p15:clr>
            <a:srgbClr val="FBAE40"/>
          </p15:clr>
        </p15:guide>
        <p15:guide id="4" orient="horz" pos="692" userDrawn="1">
          <p15:clr>
            <a:srgbClr val="FBAE40"/>
          </p15:clr>
        </p15:guide>
        <p15:guide id="5" pos="522" userDrawn="1">
          <p15:clr>
            <a:srgbClr val="FBAE40"/>
          </p15:clr>
        </p15:guide>
        <p15:guide id="6" orient="horz" pos="964" userDrawn="1">
          <p15:clr>
            <a:srgbClr val="FBAE40"/>
          </p15:clr>
        </p15:guide>
        <p15:guide id="7" orient="horz" pos="284" userDrawn="1">
          <p15:clr>
            <a:srgbClr val="FBAE40"/>
          </p15:clr>
        </p15:guide>
        <p15:guide id="8" pos="1517" userDrawn="1">
          <p15:clr>
            <a:srgbClr val="FBAE40"/>
          </p15:clr>
        </p15:guide>
        <p15:guide id="9" pos="4236" userDrawn="1">
          <p15:clr>
            <a:srgbClr val="FBAE40"/>
          </p15:clr>
        </p15:guide>
        <p15:guide id="10" orient="horz" pos="6452" userDrawn="1">
          <p15:clr>
            <a:srgbClr val="FBAE40"/>
          </p15:clr>
        </p15:guide>
        <p15:guide id="11" orient="horz" pos="533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5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73C72309-C5BD-4356-8779-98AB718C7E85}"/>
              </a:ext>
            </a:extLst>
          </p:cNvPr>
          <p:cNvSpPr/>
          <p:nvPr userDrawn="1"/>
        </p:nvSpPr>
        <p:spPr>
          <a:xfrm>
            <a:off x="3780631" y="1"/>
            <a:ext cx="3780633" cy="2690283"/>
          </a:xfrm>
          <a:custGeom>
            <a:avLst/>
            <a:gdLst>
              <a:gd name="connsiteX0" fmla="*/ 0 w 3996657"/>
              <a:gd name="connsiteY0" fmla="*/ 0 h 2844005"/>
              <a:gd name="connsiteX1" fmla="*/ 2232248 w 3996657"/>
              <a:gd name="connsiteY1" fmla="*/ 0 h 2844005"/>
              <a:gd name="connsiteX2" fmla="*/ 2232248 w 3996657"/>
              <a:gd name="connsiteY2" fmla="*/ 2023592 h 2844005"/>
              <a:gd name="connsiteX3" fmla="*/ 3528344 w 3996657"/>
              <a:gd name="connsiteY3" fmla="*/ 2023592 h 2844005"/>
              <a:gd name="connsiteX4" fmla="*/ 3528344 w 3996657"/>
              <a:gd name="connsiteY4" fmla="*/ 0 h 2844005"/>
              <a:gd name="connsiteX5" fmla="*/ 3996657 w 3996657"/>
              <a:gd name="connsiteY5" fmla="*/ 0 h 2844005"/>
              <a:gd name="connsiteX6" fmla="*/ 3996657 w 3996657"/>
              <a:gd name="connsiteY6" fmla="*/ 2844005 h 2844005"/>
              <a:gd name="connsiteX7" fmla="*/ 3528344 w 3996657"/>
              <a:gd name="connsiteY7" fmla="*/ 2844005 h 2844005"/>
              <a:gd name="connsiteX8" fmla="*/ 2228070 w 3996657"/>
              <a:gd name="connsiteY8" fmla="*/ 2844005 h 2844005"/>
              <a:gd name="connsiteX9" fmla="*/ 2228070 w 3996657"/>
              <a:gd name="connsiteY9" fmla="*/ 2034333 h 2844005"/>
              <a:gd name="connsiteX10" fmla="*/ 0 w 3996657"/>
              <a:gd name="connsiteY10" fmla="*/ 2034333 h 28440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996657" h="2844005">
                <a:moveTo>
                  <a:pt x="0" y="0"/>
                </a:moveTo>
                <a:lnTo>
                  <a:pt x="2232248" y="0"/>
                </a:lnTo>
                <a:lnTo>
                  <a:pt x="2232248" y="2023592"/>
                </a:lnTo>
                <a:lnTo>
                  <a:pt x="3528344" y="2023592"/>
                </a:lnTo>
                <a:lnTo>
                  <a:pt x="3528344" y="0"/>
                </a:lnTo>
                <a:lnTo>
                  <a:pt x="3996657" y="0"/>
                </a:lnTo>
                <a:lnTo>
                  <a:pt x="3996657" y="2844005"/>
                </a:lnTo>
                <a:lnTo>
                  <a:pt x="3528344" y="2844005"/>
                </a:lnTo>
                <a:lnTo>
                  <a:pt x="2228070" y="2844005"/>
                </a:lnTo>
                <a:lnTo>
                  <a:pt x="2228070" y="2034333"/>
                </a:lnTo>
                <a:lnTo>
                  <a:pt x="0" y="203433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/>
          </a:p>
        </p:txBody>
      </p:sp>
      <p:sp>
        <p:nvSpPr>
          <p:cNvPr id="16" name="Main Text">
            <a:extLst>
              <a:ext uri="{FF2B5EF4-FFF2-40B4-BE49-F238E27FC236}">
                <a16:creationId xmlns:a16="http://schemas.microsoft.com/office/drawing/2014/main" id="{F544B078-4C53-41B9-8157-9E528869F59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Subtitle">
            <a:extLst>
              <a:ext uri="{FF2B5EF4-FFF2-40B4-BE49-F238E27FC236}">
                <a16:creationId xmlns:a16="http://schemas.microsoft.com/office/drawing/2014/main" id="{3842B53F-81FC-4CF7-BB96-D4CA1D4CDFA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0" name="MAIN HEADLINE">
            <a:extLst>
              <a:ext uri="{FF2B5EF4-FFF2-40B4-BE49-F238E27FC236}">
                <a16:creationId xmlns:a16="http://schemas.microsoft.com/office/drawing/2014/main" id="{B01E0732-D01A-4429-9351-630745298C4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F8445483-5EF6-41EA-86F2-D90FB100104B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8570272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6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hape">
            <a:extLst>
              <a:ext uri="{FF2B5EF4-FFF2-40B4-BE49-F238E27FC236}">
                <a16:creationId xmlns:a16="http://schemas.microsoft.com/office/drawing/2014/main" id="{25B5C065-A834-4FDA-B597-A101F01E5E59}"/>
              </a:ext>
            </a:extLst>
          </p:cNvPr>
          <p:cNvSpPr/>
          <p:nvPr userDrawn="1"/>
        </p:nvSpPr>
        <p:spPr>
          <a:xfrm>
            <a:off x="1" y="5915232"/>
            <a:ext cx="7561262" cy="4778168"/>
          </a:xfrm>
          <a:custGeom>
            <a:avLst/>
            <a:gdLst>
              <a:gd name="connsiteX0" fmla="*/ 7561262 w 7561262"/>
              <a:gd name="connsiteY0" fmla="*/ 0 h 4778168"/>
              <a:gd name="connsiteX1" fmla="*/ 7561262 w 7561262"/>
              <a:gd name="connsiteY1" fmla="*/ 4778168 h 4778168"/>
              <a:gd name="connsiteX2" fmla="*/ 0 w 7561262"/>
              <a:gd name="connsiteY2" fmla="*/ 4778168 h 4778168"/>
              <a:gd name="connsiteX3" fmla="*/ 0 w 7561262"/>
              <a:gd name="connsiteY3" fmla="*/ 510831 h 4778168"/>
              <a:gd name="connsiteX4" fmla="*/ 4105435 w 7561262"/>
              <a:gd name="connsiteY4" fmla="*/ 4504302 h 47781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7561262" h="4778168">
                <a:moveTo>
                  <a:pt x="7561262" y="0"/>
                </a:moveTo>
                <a:lnTo>
                  <a:pt x="7561262" y="4778168"/>
                </a:lnTo>
                <a:lnTo>
                  <a:pt x="0" y="4778168"/>
                </a:lnTo>
                <a:lnTo>
                  <a:pt x="0" y="510831"/>
                </a:lnTo>
                <a:lnTo>
                  <a:pt x="4105435" y="4504302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lIns="68579" tIns="34289" rIns="68579" bIns="34289" rtlCol="0" anchor="ctr">
            <a:noAutofit/>
          </a:bodyPr>
          <a:lstStyle/>
          <a:p>
            <a:pPr algn="ctr" defTabSz="685741"/>
            <a:endParaRPr lang="en-US" sz="1350" baseline="-25000" dirty="0">
              <a:solidFill>
                <a:prstClr val="white"/>
              </a:solidFill>
            </a:endParaRPr>
          </a:p>
        </p:txBody>
      </p:sp>
      <p:sp>
        <p:nvSpPr>
          <p:cNvPr id="15" name="Picture">
            <a:extLst>
              <a:ext uri="{FF2B5EF4-FFF2-40B4-BE49-F238E27FC236}">
                <a16:creationId xmlns:a16="http://schemas.microsoft.com/office/drawing/2014/main" id="{D2C9BBB6-040A-4A70-9352-5DB46F96F29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7" name="Main Text">
            <a:extLst>
              <a:ext uri="{FF2B5EF4-FFF2-40B4-BE49-F238E27FC236}">
                <a16:creationId xmlns:a16="http://schemas.microsoft.com/office/drawing/2014/main" id="{145C01D1-1B74-4276-8147-FA0A8107E9E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ACB96AEF-B0A6-478F-AD44-02B72CCBA14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9" name="MAIN HEADLINE">
            <a:extLst>
              <a:ext uri="{FF2B5EF4-FFF2-40B4-BE49-F238E27FC236}">
                <a16:creationId xmlns:a16="http://schemas.microsoft.com/office/drawing/2014/main" id="{42907EA3-0629-4087-BC51-9EA6E4D5017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4289FC15-C7A5-4637-A7FD-6365CED7E022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0478900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6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9ABEAE65-7D62-461E-A802-5D0E9C045245}"/>
              </a:ext>
            </a:extLst>
          </p:cNvPr>
          <p:cNvSpPr/>
          <p:nvPr userDrawn="1"/>
        </p:nvSpPr>
        <p:spPr>
          <a:xfrm>
            <a:off x="1" y="5915232"/>
            <a:ext cx="7561262" cy="4778168"/>
          </a:xfrm>
          <a:custGeom>
            <a:avLst/>
            <a:gdLst>
              <a:gd name="connsiteX0" fmla="*/ 7561262 w 7561262"/>
              <a:gd name="connsiteY0" fmla="*/ 0 h 4778168"/>
              <a:gd name="connsiteX1" fmla="*/ 7561262 w 7561262"/>
              <a:gd name="connsiteY1" fmla="*/ 4778168 h 4778168"/>
              <a:gd name="connsiteX2" fmla="*/ 0 w 7561262"/>
              <a:gd name="connsiteY2" fmla="*/ 4778168 h 4778168"/>
              <a:gd name="connsiteX3" fmla="*/ 0 w 7561262"/>
              <a:gd name="connsiteY3" fmla="*/ 510831 h 4778168"/>
              <a:gd name="connsiteX4" fmla="*/ 4105435 w 7561262"/>
              <a:gd name="connsiteY4" fmla="*/ 4504302 h 47781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7561262" h="4778168">
                <a:moveTo>
                  <a:pt x="7561262" y="0"/>
                </a:moveTo>
                <a:lnTo>
                  <a:pt x="7561262" y="4778168"/>
                </a:lnTo>
                <a:lnTo>
                  <a:pt x="0" y="4778168"/>
                </a:lnTo>
                <a:lnTo>
                  <a:pt x="0" y="510831"/>
                </a:lnTo>
                <a:lnTo>
                  <a:pt x="4105435" y="4504302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lIns="68579" tIns="34289" rIns="68579" bIns="34289" rtlCol="0" anchor="ctr">
            <a:noAutofit/>
          </a:bodyPr>
          <a:lstStyle/>
          <a:p>
            <a:pPr algn="ctr" defTabSz="685741"/>
            <a:endParaRPr lang="en-US" sz="1350" baseline="-25000" dirty="0">
              <a:solidFill>
                <a:prstClr val="white"/>
              </a:solidFill>
            </a:endParaRPr>
          </a:p>
        </p:txBody>
      </p:sp>
      <p:sp>
        <p:nvSpPr>
          <p:cNvPr id="13" name="Main Text">
            <a:extLst>
              <a:ext uri="{FF2B5EF4-FFF2-40B4-BE49-F238E27FC236}">
                <a16:creationId xmlns:a16="http://schemas.microsoft.com/office/drawing/2014/main" id="{E5C31EB1-E690-42AF-A4D7-7805858EEA6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2F1131B5-70BA-4E4F-998F-56F014A29EE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D588DA33-1663-4156-A92D-E28DCB27657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D62BD3C6-D388-4AC9-A01F-0124747B02B3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7854753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6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1E1CC728-F0C1-4160-92B9-72CA480992A7}"/>
              </a:ext>
            </a:extLst>
          </p:cNvPr>
          <p:cNvSpPr/>
          <p:nvPr userDrawn="1"/>
        </p:nvSpPr>
        <p:spPr>
          <a:xfrm>
            <a:off x="1" y="5915232"/>
            <a:ext cx="7561262" cy="4778168"/>
          </a:xfrm>
          <a:custGeom>
            <a:avLst/>
            <a:gdLst>
              <a:gd name="connsiteX0" fmla="*/ 7561262 w 7561262"/>
              <a:gd name="connsiteY0" fmla="*/ 0 h 4778168"/>
              <a:gd name="connsiteX1" fmla="*/ 7561262 w 7561262"/>
              <a:gd name="connsiteY1" fmla="*/ 4778168 h 4778168"/>
              <a:gd name="connsiteX2" fmla="*/ 0 w 7561262"/>
              <a:gd name="connsiteY2" fmla="*/ 4778168 h 4778168"/>
              <a:gd name="connsiteX3" fmla="*/ 0 w 7561262"/>
              <a:gd name="connsiteY3" fmla="*/ 510831 h 4778168"/>
              <a:gd name="connsiteX4" fmla="*/ 4105435 w 7561262"/>
              <a:gd name="connsiteY4" fmla="*/ 4504302 h 47781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7561262" h="4778168">
                <a:moveTo>
                  <a:pt x="7561262" y="0"/>
                </a:moveTo>
                <a:lnTo>
                  <a:pt x="7561262" y="4778168"/>
                </a:lnTo>
                <a:lnTo>
                  <a:pt x="0" y="4778168"/>
                </a:lnTo>
                <a:lnTo>
                  <a:pt x="0" y="510831"/>
                </a:lnTo>
                <a:lnTo>
                  <a:pt x="4105435" y="4504302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lIns="68579" tIns="34289" rIns="68579" bIns="34289" rtlCol="0" anchor="ctr">
            <a:noAutofit/>
          </a:bodyPr>
          <a:lstStyle/>
          <a:p>
            <a:pPr algn="ctr" defTabSz="685741"/>
            <a:endParaRPr lang="en-US" sz="1350" baseline="-25000" dirty="0">
              <a:solidFill>
                <a:prstClr val="white"/>
              </a:solidFill>
            </a:endParaRPr>
          </a:p>
        </p:txBody>
      </p:sp>
      <p:sp>
        <p:nvSpPr>
          <p:cNvPr id="11" name="Picture">
            <a:extLst>
              <a:ext uri="{FF2B5EF4-FFF2-40B4-BE49-F238E27FC236}">
                <a16:creationId xmlns:a16="http://schemas.microsoft.com/office/drawing/2014/main" id="{4B8E10DB-222A-47F6-ADD6-FAD4DD1DBC3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B7E520A9-7AED-4295-8808-66ADBC61B9B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Subtitle">
            <a:extLst>
              <a:ext uri="{FF2B5EF4-FFF2-40B4-BE49-F238E27FC236}">
                <a16:creationId xmlns:a16="http://schemas.microsoft.com/office/drawing/2014/main" id="{BA2C2EB9-0EA2-4A78-A0E3-236B64FF190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MAIN HEADLINE">
            <a:extLst>
              <a:ext uri="{FF2B5EF4-FFF2-40B4-BE49-F238E27FC236}">
                <a16:creationId xmlns:a16="http://schemas.microsoft.com/office/drawing/2014/main" id="{E34F39AA-8B13-4008-9B23-6EDCBDCE80B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9" name="Border">
            <a:extLst>
              <a:ext uri="{FF2B5EF4-FFF2-40B4-BE49-F238E27FC236}">
                <a16:creationId xmlns:a16="http://schemas.microsoft.com/office/drawing/2014/main" id="{B0D40B88-17E9-4A65-8C56-84BF9699F100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27006533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6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5F19BE45-E899-4710-89F8-DD0D7487320D}"/>
              </a:ext>
            </a:extLst>
          </p:cNvPr>
          <p:cNvSpPr/>
          <p:nvPr userDrawn="1"/>
        </p:nvSpPr>
        <p:spPr>
          <a:xfrm>
            <a:off x="1" y="5915232"/>
            <a:ext cx="7561262" cy="4778168"/>
          </a:xfrm>
          <a:custGeom>
            <a:avLst/>
            <a:gdLst>
              <a:gd name="connsiteX0" fmla="*/ 7561262 w 7561262"/>
              <a:gd name="connsiteY0" fmla="*/ 0 h 4778168"/>
              <a:gd name="connsiteX1" fmla="*/ 7561262 w 7561262"/>
              <a:gd name="connsiteY1" fmla="*/ 4778168 h 4778168"/>
              <a:gd name="connsiteX2" fmla="*/ 0 w 7561262"/>
              <a:gd name="connsiteY2" fmla="*/ 4778168 h 4778168"/>
              <a:gd name="connsiteX3" fmla="*/ 0 w 7561262"/>
              <a:gd name="connsiteY3" fmla="*/ 510831 h 4778168"/>
              <a:gd name="connsiteX4" fmla="*/ 4105435 w 7561262"/>
              <a:gd name="connsiteY4" fmla="*/ 4504302 h 47781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7561262" h="4778168">
                <a:moveTo>
                  <a:pt x="7561262" y="0"/>
                </a:moveTo>
                <a:lnTo>
                  <a:pt x="7561262" y="4778168"/>
                </a:lnTo>
                <a:lnTo>
                  <a:pt x="0" y="4778168"/>
                </a:lnTo>
                <a:lnTo>
                  <a:pt x="0" y="510831"/>
                </a:lnTo>
                <a:lnTo>
                  <a:pt x="4105435" y="4504302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lIns="68579" tIns="34289" rIns="68579" bIns="34289" rtlCol="0" anchor="ctr">
            <a:noAutofit/>
          </a:bodyPr>
          <a:lstStyle/>
          <a:p>
            <a:pPr algn="ctr" defTabSz="685741"/>
            <a:endParaRPr lang="en-US" sz="1350" baseline="-25000" dirty="0">
              <a:solidFill>
                <a:prstClr val="white"/>
              </a:solidFill>
            </a:endParaRPr>
          </a:p>
        </p:txBody>
      </p:sp>
      <p:sp>
        <p:nvSpPr>
          <p:cNvPr id="14" name="Main Text">
            <a:extLst>
              <a:ext uri="{FF2B5EF4-FFF2-40B4-BE49-F238E27FC236}">
                <a16:creationId xmlns:a16="http://schemas.microsoft.com/office/drawing/2014/main" id="{ABA0595D-0DD2-4F6D-939D-CCB79EAF680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8AD9A687-7AA7-438B-B282-0AED43EAFCB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A92B9F87-6B88-45F5-BBAF-174247D268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14547610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7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B5F07A9D-8E95-40FE-AF19-41DE8CBAB0FE}"/>
              </a:ext>
            </a:extLst>
          </p:cNvPr>
          <p:cNvSpPr/>
          <p:nvPr userDrawn="1"/>
        </p:nvSpPr>
        <p:spPr>
          <a:xfrm>
            <a:off x="1753828" y="6930876"/>
            <a:ext cx="5807435" cy="3762524"/>
          </a:xfrm>
          <a:custGeom>
            <a:avLst/>
            <a:gdLst>
              <a:gd name="connsiteX0" fmla="*/ 0 w 5807435"/>
              <a:gd name="connsiteY0" fmla="*/ 0 h 3762524"/>
              <a:gd name="connsiteX1" fmla="*/ 5807435 w 5807435"/>
              <a:gd name="connsiteY1" fmla="*/ 0 h 3762524"/>
              <a:gd name="connsiteX2" fmla="*/ 5807435 w 5807435"/>
              <a:gd name="connsiteY2" fmla="*/ 3762524 h 3762524"/>
              <a:gd name="connsiteX3" fmla="*/ 5139623 w 5807435"/>
              <a:gd name="connsiteY3" fmla="*/ 3762524 h 3762524"/>
              <a:gd name="connsiteX4" fmla="*/ 5167944 w 5807435"/>
              <a:gd name="connsiteY4" fmla="*/ 3652729 h 3762524"/>
              <a:gd name="connsiteX5" fmla="*/ 5207563 w 5807435"/>
              <a:gd name="connsiteY5" fmla="*/ 3260954 h 3762524"/>
              <a:gd name="connsiteX6" fmla="*/ 3257455 w 5807435"/>
              <a:gd name="connsiteY6" fmla="*/ 1317000 h 3762524"/>
              <a:gd name="connsiteX7" fmla="*/ 1307347 w 5807435"/>
              <a:gd name="connsiteY7" fmla="*/ 3260954 h 3762524"/>
              <a:gd name="connsiteX8" fmla="*/ 1346967 w 5807435"/>
              <a:gd name="connsiteY8" fmla="*/ 3652729 h 3762524"/>
              <a:gd name="connsiteX9" fmla="*/ 1375287 w 5807435"/>
              <a:gd name="connsiteY9" fmla="*/ 3762524 h 3762524"/>
              <a:gd name="connsiteX10" fmla="*/ 0 w 5807435"/>
              <a:gd name="connsiteY10" fmla="*/ 3762524 h 3762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807435" h="3762524">
                <a:moveTo>
                  <a:pt x="0" y="0"/>
                </a:moveTo>
                <a:lnTo>
                  <a:pt x="5807435" y="0"/>
                </a:lnTo>
                <a:lnTo>
                  <a:pt x="5807435" y="3762524"/>
                </a:lnTo>
                <a:lnTo>
                  <a:pt x="5139623" y="3762524"/>
                </a:lnTo>
                <a:lnTo>
                  <a:pt x="5167944" y="3652729"/>
                </a:lnTo>
                <a:cubicBezTo>
                  <a:pt x="5193921" y="3526182"/>
                  <a:pt x="5207563" y="3395156"/>
                  <a:pt x="5207563" y="3260954"/>
                </a:cubicBezTo>
                <a:cubicBezTo>
                  <a:pt x="5207563" y="2187337"/>
                  <a:pt x="4334469" y="1317000"/>
                  <a:pt x="3257455" y="1317000"/>
                </a:cubicBezTo>
                <a:cubicBezTo>
                  <a:pt x="2180441" y="1317000"/>
                  <a:pt x="1307347" y="2187337"/>
                  <a:pt x="1307347" y="3260954"/>
                </a:cubicBezTo>
                <a:cubicBezTo>
                  <a:pt x="1307347" y="3395156"/>
                  <a:pt x="1320989" y="3526182"/>
                  <a:pt x="1346967" y="3652729"/>
                </a:cubicBezTo>
                <a:lnTo>
                  <a:pt x="1375287" y="3762524"/>
                </a:lnTo>
                <a:lnTo>
                  <a:pt x="0" y="3762524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 b="1">
              <a:ln w="12700">
                <a:solidFill>
                  <a:schemeClr val="tx2">
                    <a:satMod val="155000"/>
                  </a:schemeClr>
                </a:solidFill>
                <a:prstDash val="solid"/>
              </a:ln>
              <a:solidFill>
                <a:schemeClr val="bg2">
                  <a:tint val="85000"/>
                  <a:satMod val="155000"/>
                </a:schemeClr>
              </a:solidFill>
              <a:effectLst>
                <a:outerShdw blurRad="41275" dist="20320" dir="1800000" algn="tl" rotWithShape="0">
                  <a:srgbClr val="000000">
                    <a:alpha val="40000"/>
                  </a:srgbClr>
                </a:outerShdw>
              </a:effectLst>
            </a:endParaRPr>
          </a:p>
        </p:txBody>
      </p:sp>
      <p:sp>
        <p:nvSpPr>
          <p:cNvPr id="11" name="Picture">
            <a:extLst>
              <a:ext uri="{FF2B5EF4-FFF2-40B4-BE49-F238E27FC236}">
                <a16:creationId xmlns:a16="http://schemas.microsoft.com/office/drawing/2014/main" id="{34B3C201-B72C-4C81-93AE-C6E8AB9B8CB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A3A7C454-0B45-4E35-851C-E393DE91535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Subtitle">
            <a:extLst>
              <a:ext uri="{FF2B5EF4-FFF2-40B4-BE49-F238E27FC236}">
                <a16:creationId xmlns:a16="http://schemas.microsoft.com/office/drawing/2014/main" id="{5AA198D5-8CF3-47A4-9817-046E0650F3B6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MAIN HEADLINE">
            <a:extLst>
              <a:ext uri="{FF2B5EF4-FFF2-40B4-BE49-F238E27FC236}">
                <a16:creationId xmlns:a16="http://schemas.microsoft.com/office/drawing/2014/main" id="{AAF42286-24F3-4031-97A3-8DDBA69D14FF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9" name="Border">
            <a:extLst>
              <a:ext uri="{FF2B5EF4-FFF2-40B4-BE49-F238E27FC236}">
                <a16:creationId xmlns:a16="http://schemas.microsoft.com/office/drawing/2014/main" id="{D41A57FF-EA6B-4598-96B1-18FA7924586F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29538597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7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3066E994-9FFB-40C7-86EE-BF05E4630490}"/>
              </a:ext>
            </a:extLst>
          </p:cNvPr>
          <p:cNvSpPr/>
          <p:nvPr userDrawn="1"/>
        </p:nvSpPr>
        <p:spPr>
          <a:xfrm>
            <a:off x="1753828" y="6930876"/>
            <a:ext cx="5807435" cy="3762524"/>
          </a:xfrm>
          <a:custGeom>
            <a:avLst/>
            <a:gdLst>
              <a:gd name="connsiteX0" fmla="*/ 0 w 5807435"/>
              <a:gd name="connsiteY0" fmla="*/ 0 h 3762524"/>
              <a:gd name="connsiteX1" fmla="*/ 5807435 w 5807435"/>
              <a:gd name="connsiteY1" fmla="*/ 0 h 3762524"/>
              <a:gd name="connsiteX2" fmla="*/ 5807435 w 5807435"/>
              <a:gd name="connsiteY2" fmla="*/ 3762524 h 3762524"/>
              <a:gd name="connsiteX3" fmla="*/ 5139623 w 5807435"/>
              <a:gd name="connsiteY3" fmla="*/ 3762524 h 3762524"/>
              <a:gd name="connsiteX4" fmla="*/ 5167944 w 5807435"/>
              <a:gd name="connsiteY4" fmla="*/ 3652729 h 3762524"/>
              <a:gd name="connsiteX5" fmla="*/ 5207563 w 5807435"/>
              <a:gd name="connsiteY5" fmla="*/ 3260954 h 3762524"/>
              <a:gd name="connsiteX6" fmla="*/ 3257455 w 5807435"/>
              <a:gd name="connsiteY6" fmla="*/ 1317000 h 3762524"/>
              <a:gd name="connsiteX7" fmla="*/ 1307347 w 5807435"/>
              <a:gd name="connsiteY7" fmla="*/ 3260954 h 3762524"/>
              <a:gd name="connsiteX8" fmla="*/ 1346967 w 5807435"/>
              <a:gd name="connsiteY8" fmla="*/ 3652729 h 3762524"/>
              <a:gd name="connsiteX9" fmla="*/ 1375287 w 5807435"/>
              <a:gd name="connsiteY9" fmla="*/ 3762524 h 3762524"/>
              <a:gd name="connsiteX10" fmla="*/ 0 w 5807435"/>
              <a:gd name="connsiteY10" fmla="*/ 3762524 h 3762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807435" h="3762524">
                <a:moveTo>
                  <a:pt x="0" y="0"/>
                </a:moveTo>
                <a:lnTo>
                  <a:pt x="5807435" y="0"/>
                </a:lnTo>
                <a:lnTo>
                  <a:pt x="5807435" y="3762524"/>
                </a:lnTo>
                <a:lnTo>
                  <a:pt x="5139623" y="3762524"/>
                </a:lnTo>
                <a:lnTo>
                  <a:pt x="5167944" y="3652729"/>
                </a:lnTo>
                <a:cubicBezTo>
                  <a:pt x="5193921" y="3526182"/>
                  <a:pt x="5207563" y="3395156"/>
                  <a:pt x="5207563" y="3260954"/>
                </a:cubicBezTo>
                <a:cubicBezTo>
                  <a:pt x="5207563" y="2187337"/>
                  <a:pt x="4334469" y="1317000"/>
                  <a:pt x="3257455" y="1317000"/>
                </a:cubicBezTo>
                <a:cubicBezTo>
                  <a:pt x="2180441" y="1317000"/>
                  <a:pt x="1307347" y="2187337"/>
                  <a:pt x="1307347" y="3260954"/>
                </a:cubicBezTo>
                <a:cubicBezTo>
                  <a:pt x="1307347" y="3395156"/>
                  <a:pt x="1320989" y="3526182"/>
                  <a:pt x="1346967" y="3652729"/>
                </a:cubicBezTo>
                <a:lnTo>
                  <a:pt x="1375287" y="3762524"/>
                </a:lnTo>
                <a:lnTo>
                  <a:pt x="0" y="3762524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 b="1">
              <a:ln w="12700">
                <a:solidFill>
                  <a:schemeClr val="tx2">
                    <a:satMod val="155000"/>
                  </a:schemeClr>
                </a:solidFill>
                <a:prstDash val="solid"/>
              </a:ln>
              <a:solidFill>
                <a:schemeClr val="bg2">
                  <a:tint val="85000"/>
                  <a:satMod val="155000"/>
                </a:schemeClr>
              </a:solidFill>
              <a:effectLst>
                <a:outerShdw blurRad="41275" dist="20320" dir="1800000" algn="tl" rotWithShape="0">
                  <a:srgbClr val="000000">
                    <a:alpha val="40000"/>
                  </a:srgbClr>
                </a:outerShdw>
              </a:effectLst>
            </a:endParaRPr>
          </a:p>
        </p:txBody>
      </p:sp>
      <p:sp>
        <p:nvSpPr>
          <p:cNvPr id="13" name="Main Text">
            <a:extLst>
              <a:ext uri="{FF2B5EF4-FFF2-40B4-BE49-F238E27FC236}">
                <a16:creationId xmlns:a16="http://schemas.microsoft.com/office/drawing/2014/main" id="{5978D5E0-E41F-4640-8363-779AC9A54C7F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EA988246-5BE4-4B20-A8A2-3F8F30AC9E1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10D96D71-E902-4958-8EE0-96DBDD4DCB3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95CDC592-4F4B-4A47-9819-600E4955B633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680731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7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9759F437-6A00-4599-9E23-051DA061DA46}"/>
              </a:ext>
            </a:extLst>
          </p:cNvPr>
          <p:cNvSpPr/>
          <p:nvPr userDrawn="1"/>
        </p:nvSpPr>
        <p:spPr>
          <a:xfrm>
            <a:off x="1753828" y="6930876"/>
            <a:ext cx="5807435" cy="3762524"/>
          </a:xfrm>
          <a:custGeom>
            <a:avLst/>
            <a:gdLst>
              <a:gd name="connsiteX0" fmla="*/ 0 w 5807435"/>
              <a:gd name="connsiteY0" fmla="*/ 0 h 3762524"/>
              <a:gd name="connsiteX1" fmla="*/ 5807435 w 5807435"/>
              <a:gd name="connsiteY1" fmla="*/ 0 h 3762524"/>
              <a:gd name="connsiteX2" fmla="*/ 5807435 w 5807435"/>
              <a:gd name="connsiteY2" fmla="*/ 3762524 h 3762524"/>
              <a:gd name="connsiteX3" fmla="*/ 5139623 w 5807435"/>
              <a:gd name="connsiteY3" fmla="*/ 3762524 h 3762524"/>
              <a:gd name="connsiteX4" fmla="*/ 5167944 w 5807435"/>
              <a:gd name="connsiteY4" fmla="*/ 3652729 h 3762524"/>
              <a:gd name="connsiteX5" fmla="*/ 5207563 w 5807435"/>
              <a:gd name="connsiteY5" fmla="*/ 3260954 h 3762524"/>
              <a:gd name="connsiteX6" fmla="*/ 3257455 w 5807435"/>
              <a:gd name="connsiteY6" fmla="*/ 1317000 h 3762524"/>
              <a:gd name="connsiteX7" fmla="*/ 1307347 w 5807435"/>
              <a:gd name="connsiteY7" fmla="*/ 3260954 h 3762524"/>
              <a:gd name="connsiteX8" fmla="*/ 1346967 w 5807435"/>
              <a:gd name="connsiteY8" fmla="*/ 3652729 h 3762524"/>
              <a:gd name="connsiteX9" fmla="*/ 1375287 w 5807435"/>
              <a:gd name="connsiteY9" fmla="*/ 3762524 h 3762524"/>
              <a:gd name="connsiteX10" fmla="*/ 0 w 5807435"/>
              <a:gd name="connsiteY10" fmla="*/ 3762524 h 3762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807435" h="3762524">
                <a:moveTo>
                  <a:pt x="0" y="0"/>
                </a:moveTo>
                <a:lnTo>
                  <a:pt x="5807435" y="0"/>
                </a:lnTo>
                <a:lnTo>
                  <a:pt x="5807435" y="3762524"/>
                </a:lnTo>
                <a:lnTo>
                  <a:pt x="5139623" y="3762524"/>
                </a:lnTo>
                <a:lnTo>
                  <a:pt x="5167944" y="3652729"/>
                </a:lnTo>
                <a:cubicBezTo>
                  <a:pt x="5193921" y="3526182"/>
                  <a:pt x="5207563" y="3395156"/>
                  <a:pt x="5207563" y="3260954"/>
                </a:cubicBezTo>
                <a:cubicBezTo>
                  <a:pt x="5207563" y="2187337"/>
                  <a:pt x="4334469" y="1317000"/>
                  <a:pt x="3257455" y="1317000"/>
                </a:cubicBezTo>
                <a:cubicBezTo>
                  <a:pt x="2180441" y="1317000"/>
                  <a:pt x="1307347" y="2187337"/>
                  <a:pt x="1307347" y="3260954"/>
                </a:cubicBezTo>
                <a:cubicBezTo>
                  <a:pt x="1307347" y="3395156"/>
                  <a:pt x="1320989" y="3526182"/>
                  <a:pt x="1346967" y="3652729"/>
                </a:cubicBezTo>
                <a:lnTo>
                  <a:pt x="1375287" y="3762524"/>
                </a:lnTo>
                <a:lnTo>
                  <a:pt x="0" y="3762524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 b="1">
              <a:ln w="12700">
                <a:solidFill>
                  <a:schemeClr val="tx2">
                    <a:satMod val="155000"/>
                  </a:schemeClr>
                </a:solidFill>
                <a:prstDash val="solid"/>
              </a:ln>
              <a:solidFill>
                <a:schemeClr val="bg2">
                  <a:tint val="85000"/>
                  <a:satMod val="155000"/>
                </a:schemeClr>
              </a:solidFill>
              <a:effectLst>
                <a:outerShdw blurRad="41275" dist="20320" dir="1800000" algn="tl" rotWithShape="0">
                  <a:srgbClr val="000000">
                    <a:alpha val="40000"/>
                  </a:srgbClr>
                </a:outerShdw>
              </a:effectLst>
            </a:endParaRPr>
          </a:p>
        </p:txBody>
      </p:sp>
      <p:sp>
        <p:nvSpPr>
          <p:cNvPr id="11" name="Picture">
            <a:extLst>
              <a:ext uri="{FF2B5EF4-FFF2-40B4-BE49-F238E27FC236}">
                <a16:creationId xmlns:a16="http://schemas.microsoft.com/office/drawing/2014/main" id="{25DF53E1-D5F6-48E4-943F-85120B44F42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5BAAA275-44DD-41C9-8893-7C699651483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Subtitle">
            <a:extLst>
              <a:ext uri="{FF2B5EF4-FFF2-40B4-BE49-F238E27FC236}">
                <a16:creationId xmlns:a16="http://schemas.microsoft.com/office/drawing/2014/main" id="{0ADB4F10-C121-4363-9C8A-D2967F9062E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MAIN HEADLINE">
            <a:extLst>
              <a:ext uri="{FF2B5EF4-FFF2-40B4-BE49-F238E27FC236}">
                <a16:creationId xmlns:a16="http://schemas.microsoft.com/office/drawing/2014/main" id="{276C5294-1BEA-441E-B5F4-04FD6C74D15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9" name="Border">
            <a:extLst>
              <a:ext uri="{FF2B5EF4-FFF2-40B4-BE49-F238E27FC236}">
                <a16:creationId xmlns:a16="http://schemas.microsoft.com/office/drawing/2014/main" id="{F3D72E7C-1D24-401A-93A7-9B4D348A4815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4535419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7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6966BF63-90C7-4DE1-A425-B86AE6C3FB1A}"/>
              </a:ext>
            </a:extLst>
          </p:cNvPr>
          <p:cNvSpPr/>
          <p:nvPr userDrawn="1"/>
        </p:nvSpPr>
        <p:spPr>
          <a:xfrm>
            <a:off x="1753828" y="6930876"/>
            <a:ext cx="5807435" cy="3762524"/>
          </a:xfrm>
          <a:custGeom>
            <a:avLst/>
            <a:gdLst>
              <a:gd name="connsiteX0" fmla="*/ 0 w 5807435"/>
              <a:gd name="connsiteY0" fmla="*/ 0 h 3762524"/>
              <a:gd name="connsiteX1" fmla="*/ 5807435 w 5807435"/>
              <a:gd name="connsiteY1" fmla="*/ 0 h 3762524"/>
              <a:gd name="connsiteX2" fmla="*/ 5807435 w 5807435"/>
              <a:gd name="connsiteY2" fmla="*/ 3762524 h 3762524"/>
              <a:gd name="connsiteX3" fmla="*/ 5139623 w 5807435"/>
              <a:gd name="connsiteY3" fmla="*/ 3762524 h 3762524"/>
              <a:gd name="connsiteX4" fmla="*/ 5167944 w 5807435"/>
              <a:gd name="connsiteY4" fmla="*/ 3652729 h 3762524"/>
              <a:gd name="connsiteX5" fmla="*/ 5207563 w 5807435"/>
              <a:gd name="connsiteY5" fmla="*/ 3260954 h 3762524"/>
              <a:gd name="connsiteX6" fmla="*/ 3257455 w 5807435"/>
              <a:gd name="connsiteY6" fmla="*/ 1317000 h 3762524"/>
              <a:gd name="connsiteX7" fmla="*/ 1307347 w 5807435"/>
              <a:gd name="connsiteY7" fmla="*/ 3260954 h 3762524"/>
              <a:gd name="connsiteX8" fmla="*/ 1346967 w 5807435"/>
              <a:gd name="connsiteY8" fmla="*/ 3652729 h 3762524"/>
              <a:gd name="connsiteX9" fmla="*/ 1375287 w 5807435"/>
              <a:gd name="connsiteY9" fmla="*/ 3762524 h 3762524"/>
              <a:gd name="connsiteX10" fmla="*/ 0 w 5807435"/>
              <a:gd name="connsiteY10" fmla="*/ 3762524 h 3762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807435" h="3762524">
                <a:moveTo>
                  <a:pt x="0" y="0"/>
                </a:moveTo>
                <a:lnTo>
                  <a:pt x="5807435" y="0"/>
                </a:lnTo>
                <a:lnTo>
                  <a:pt x="5807435" y="3762524"/>
                </a:lnTo>
                <a:lnTo>
                  <a:pt x="5139623" y="3762524"/>
                </a:lnTo>
                <a:lnTo>
                  <a:pt x="5167944" y="3652729"/>
                </a:lnTo>
                <a:cubicBezTo>
                  <a:pt x="5193921" y="3526182"/>
                  <a:pt x="5207563" y="3395156"/>
                  <a:pt x="5207563" y="3260954"/>
                </a:cubicBezTo>
                <a:cubicBezTo>
                  <a:pt x="5207563" y="2187337"/>
                  <a:pt x="4334469" y="1317000"/>
                  <a:pt x="3257455" y="1317000"/>
                </a:cubicBezTo>
                <a:cubicBezTo>
                  <a:pt x="2180441" y="1317000"/>
                  <a:pt x="1307347" y="2187337"/>
                  <a:pt x="1307347" y="3260954"/>
                </a:cubicBezTo>
                <a:cubicBezTo>
                  <a:pt x="1307347" y="3395156"/>
                  <a:pt x="1320989" y="3526182"/>
                  <a:pt x="1346967" y="3652729"/>
                </a:cubicBezTo>
                <a:lnTo>
                  <a:pt x="1375287" y="3762524"/>
                </a:lnTo>
                <a:lnTo>
                  <a:pt x="0" y="3762524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 b="1">
              <a:ln w="12700">
                <a:solidFill>
                  <a:schemeClr val="tx2">
                    <a:satMod val="155000"/>
                  </a:schemeClr>
                </a:solidFill>
                <a:prstDash val="solid"/>
              </a:ln>
              <a:solidFill>
                <a:schemeClr val="bg2">
                  <a:tint val="85000"/>
                  <a:satMod val="155000"/>
                </a:schemeClr>
              </a:solidFill>
              <a:effectLst>
                <a:outerShdw blurRad="41275" dist="20320" dir="1800000" algn="tl" rotWithShape="0">
                  <a:srgbClr val="000000">
                    <a:alpha val="40000"/>
                  </a:srgbClr>
                </a:outerShdw>
              </a:effectLst>
            </a:endParaRPr>
          </a:p>
        </p:txBody>
      </p:sp>
      <p:sp>
        <p:nvSpPr>
          <p:cNvPr id="14" name="Main Text">
            <a:extLst>
              <a:ext uri="{FF2B5EF4-FFF2-40B4-BE49-F238E27FC236}">
                <a16:creationId xmlns:a16="http://schemas.microsoft.com/office/drawing/2014/main" id="{D67F6DA0-80CD-4565-9D29-144699A61D5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6EFBD8DB-2D52-4452-8DB0-E763ACC54E3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B69452E1-3F8B-4FFE-8680-B3DE9267D17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8564633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8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hape">
            <a:extLst>
              <a:ext uri="{FF2B5EF4-FFF2-40B4-BE49-F238E27FC236}">
                <a16:creationId xmlns:a16="http://schemas.microsoft.com/office/drawing/2014/main" id="{BEC47AE6-93B2-4416-96C1-02493B7C8109}"/>
              </a:ext>
            </a:extLst>
          </p:cNvPr>
          <p:cNvSpPr/>
          <p:nvPr userDrawn="1"/>
        </p:nvSpPr>
        <p:spPr>
          <a:xfrm>
            <a:off x="1753830" y="7529790"/>
            <a:ext cx="5807434" cy="3163610"/>
          </a:xfrm>
          <a:custGeom>
            <a:avLst/>
            <a:gdLst>
              <a:gd name="connsiteX0" fmla="*/ 2162861 w 5807434"/>
              <a:gd name="connsiteY0" fmla="*/ 0 h 3163610"/>
              <a:gd name="connsiteX1" fmla="*/ 3801373 w 5807434"/>
              <a:gd name="connsiteY1" fmla="*/ 2396647 h 3163610"/>
              <a:gd name="connsiteX2" fmla="*/ 5439886 w 5807434"/>
              <a:gd name="connsiteY2" fmla="*/ 0 h 3163610"/>
              <a:gd name="connsiteX3" fmla="*/ 5807434 w 5807434"/>
              <a:gd name="connsiteY3" fmla="*/ 537611 h 3163610"/>
              <a:gd name="connsiteX4" fmla="*/ 5807434 w 5807434"/>
              <a:gd name="connsiteY4" fmla="*/ 3163610 h 3163610"/>
              <a:gd name="connsiteX5" fmla="*/ 4325722 w 5807434"/>
              <a:gd name="connsiteY5" fmla="*/ 3163610 h 3163610"/>
              <a:gd name="connsiteX6" fmla="*/ 3277025 w 5807434"/>
              <a:gd name="connsiteY6" fmla="*/ 3163610 h 3163610"/>
              <a:gd name="connsiteX7" fmla="*/ 0 w 5807434"/>
              <a:gd name="connsiteY7" fmla="*/ 3163610 h 316361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5807434" h="3163610">
                <a:moveTo>
                  <a:pt x="2162861" y="0"/>
                </a:moveTo>
                <a:lnTo>
                  <a:pt x="3801373" y="2396647"/>
                </a:lnTo>
                <a:lnTo>
                  <a:pt x="5439886" y="0"/>
                </a:lnTo>
                <a:lnTo>
                  <a:pt x="5807434" y="537611"/>
                </a:lnTo>
                <a:lnTo>
                  <a:pt x="5807434" y="3163610"/>
                </a:lnTo>
                <a:lnTo>
                  <a:pt x="4325722" y="3163610"/>
                </a:lnTo>
                <a:lnTo>
                  <a:pt x="3277025" y="3163610"/>
                </a:lnTo>
                <a:lnTo>
                  <a:pt x="0" y="316361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68579" tIns="34289" rIns="68579" bIns="34289" rtlCol="0" anchor="ctr">
            <a:noAutofit/>
          </a:bodyPr>
          <a:lstStyle/>
          <a:p>
            <a:pPr algn="ctr" defTabSz="685783"/>
            <a:endParaRPr lang="en-GB" sz="1400">
              <a:solidFill>
                <a:srgbClr val="FEFFFF"/>
              </a:solidFill>
            </a:endParaRPr>
          </a:p>
        </p:txBody>
      </p:sp>
      <p:sp>
        <p:nvSpPr>
          <p:cNvPr id="8" name="Picture">
            <a:extLst>
              <a:ext uri="{FF2B5EF4-FFF2-40B4-BE49-F238E27FC236}">
                <a16:creationId xmlns:a16="http://schemas.microsoft.com/office/drawing/2014/main" id="{20D960F9-BF8A-47EC-94B2-141200CF023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1" name="Main Text">
            <a:extLst>
              <a:ext uri="{FF2B5EF4-FFF2-40B4-BE49-F238E27FC236}">
                <a16:creationId xmlns:a16="http://schemas.microsoft.com/office/drawing/2014/main" id="{F6D5A8D4-35CE-46D8-9570-802DC176167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2" name="Subtitle">
            <a:extLst>
              <a:ext uri="{FF2B5EF4-FFF2-40B4-BE49-F238E27FC236}">
                <a16:creationId xmlns:a16="http://schemas.microsoft.com/office/drawing/2014/main" id="{9CB111D5-21B2-4161-8E6B-832665E2E16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MAIN HEADLINE">
            <a:extLst>
              <a:ext uri="{FF2B5EF4-FFF2-40B4-BE49-F238E27FC236}">
                <a16:creationId xmlns:a16="http://schemas.microsoft.com/office/drawing/2014/main" id="{5801DAF1-2640-473A-AD2D-7BC9B809454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10" name="Border">
            <a:extLst>
              <a:ext uri="{FF2B5EF4-FFF2-40B4-BE49-F238E27FC236}">
                <a16:creationId xmlns:a16="http://schemas.microsoft.com/office/drawing/2014/main" id="{48B3AD1D-44E6-4BE2-9983-963E70B463B6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465203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1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icture"/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9" name="Shape">
            <a:extLst>
              <a:ext uri="{FF2B5EF4-FFF2-40B4-BE49-F238E27FC236}">
                <a16:creationId xmlns:a16="http://schemas.microsoft.com/office/drawing/2014/main" id="{C2944524-D92E-4277-B268-D765A09FB682}"/>
              </a:ext>
            </a:extLst>
          </p:cNvPr>
          <p:cNvSpPr/>
          <p:nvPr userDrawn="1"/>
        </p:nvSpPr>
        <p:spPr>
          <a:xfrm rot="10800000">
            <a:off x="4716735" y="0"/>
            <a:ext cx="2844528" cy="3474492"/>
          </a:xfrm>
          <a:custGeom>
            <a:avLst/>
            <a:gdLst>
              <a:gd name="connsiteX0" fmla="*/ 7909 w 2844528"/>
              <a:gd name="connsiteY0" fmla="*/ 3474492 h 3474492"/>
              <a:gd name="connsiteX1" fmla="*/ 0 w 2844528"/>
              <a:gd name="connsiteY1" fmla="*/ 3474492 h 3474492"/>
              <a:gd name="connsiteX2" fmla="*/ 0 w 2844528"/>
              <a:gd name="connsiteY2" fmla="*/ 1639546 h 3474492"/>
              <a:gd name="connsiteX3" fmla="*/ 7909 w 2844528"/>
              <a:gd name="connsiteY3" fmla="*/ 1638764 h 3474492"/>
              <a:gd name="connsiteX4" fmla="*/ 15345 w 2844528"/>
              <a:gd name="connsiteY4" fmla="*/ 3474492 h 3474492"/>
              <a:gd name="connsiteX5" fmla="*/ 13386 w 2844528"/>
              <a:gd name="connsiteY5" fmla="*/ 3474492 h 3474492"/>
              <a:gd name="connsiteX6" fmla="*/ 13387 w 2844528"/>
              <a:gd name="connsiteY6" fmla="*/ 1638222 h 3474492"/>
              <a:gd name="connsiteX7" fmla="*/ 13416 w 2844528"/>
              <a:gd name="connsiteY7" fmla="*/ 1638223 h 3474492"/>
              <a:gd name="connsiteX8" fmla="*/ 15345 w 2844528"/>
              <a:gd name="connsiteY8" fmla="*/ 1638413 h 3474492"/>
              <a:gd name="connsiteX9" fmla="*/ 2797587 w 2844528"/>
              <a:gd name="connsiteY9" fmla="*/ 3474492 h 3474492"/>
              <a:gd name="connsiteX10" fmla="*/ 1355246 w 2844528"/>
              <a:gd name="connsiteY10" fmla="*/ 3474492 h 3474492"/>
              <a:gd name="connsiteX11" fmla="*/ 1381623 w 2844528"/>
              <a:gd name="connsiteY11" fmla="*/ 3393036 h 3474492"/>
              <a:gd name="connsiteX12" fmla="*/ 1430715 w 2844528"/>
              <a:gd name="connsiteY12" fmla="*/ 3028869 h 3474492"/>
              <a:gd name="connsiteX13" fmla="*/ 299028 w 2844528"/>
              <a:gd name="connsiteY13" fmla="*/ 1666473 h 3474492"/>
              <a:gd name="connsiteX14" fmla="*/ 15345 w 2844528"/>
              <a:gd name="connsiteY14" fmla="*/ 1638413 h 3474492"/>
              <a:gd name="connsiteX15" fmla="*/ 15345 w 2844528"/>
              <a:gd name="connsiteY15" fmla="*/ 1638318 h 3474492"/>
              <a:gd name="connsiteX16" fmla="*/ 13416 w 2844528"/>
              <a:gd name="connsiteY16" fmla="*/ 1638223 h 3474492"/>
              <a:gd name="connsiteX17" fmla="*/ 13387 w 2844528"/>
              <a:gd name="connsiteY17" fmla="*/ 1638220 h 3474492"/>
              <a:gd name="connsiteX18" fmla="*/ 13387 w 2844528"/>
              <a:gd name="connsiteY18" fmla="*/ 1638222 h 3474492"/>
              <a:gd name="connsiteX19" fmla="*/ 7909 w 2844528"/>
              <a:gd name="connsiteY19" fmla="*/ 1638764 h 3474492"/>
              <a:gd name="connsiteX20" fmla="*/ 7909 w 2844528"/>
              <a:gd name="connsiteY20" fmla="*/ 1469 h 3474492"/>
              <a:gd name="connsiteX21" fmla="*/ 62728 w 2844528"/>
              <a:gd name="connsiteY21" fmla="*/ 0 h 3474492"/>
              <a:gd name="connsiteX22" fmla="*/ 2844528 w 2844528"/>
              <a:gd name="connsiteY22" fmla="*/ 2947027 h 3474492"/>
              <a:gd name="connsiteX23" fmla="*/ 2830166 w 2844528"/>
              <a:gd name="connsiteY23" fmla="*/ 3248343 h 34744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</a:cxnLst>
            <a:rect l="l" t="t" r="r" b="b"/>
            <a:pathLst>
              <a:path w="2844528" h="3474492">
                <a:moveTo>
                  <a:pt x="7909" y="3474492"/>
                </a:moveTo>
                <a:lnTo>
                  <a:pt x="0" y="3474492"/>
                </a:lnTo>
                <a:lnTo>
                  <a:pt x="0" y="1639546"/>
                </a:lnTo>
                <a:lnTo>
                  <a:pt x="7909" y="1638764"/>
                </a:lnTo>
                <a:close/>
                <a:moveTo>
                  <a:pt x="15345" y="3474492"/>
                </a:moveTo>
                <a:lnTo>
                  <a:pt x="13386" y="3474492"/>
                </a:lnTo>
                <a:lnTo>
                  <a:pt x="13387" y="1638222"/>
                </a:lnTo>
                <a:lnTo>
                  <a:pt x="13416" y="1638223"/>
                </a:lnTo>
                <a:lnTo>
                  <a:pt x="15345" y="1638413"/>
                </a:lnTo>
                <a:close/>
                <a:moveTo>
                  <a:pt x="2797587" y="3474492"/>
                </a:moveTo>
                <a:lnTo>
                  <a:pt x="1355246" y="3474492"/>
                </a:lnTo>
                <a:lnTo>
                  <a:pt x="1381623" y="3393036"/>
                </a:lnTo>
                <a:cubicBezTo>
                  <a:pt x="1413635" y="3276966"/>
                  <a:pt x="1430715" y="3154874"/>
                  <a:pt x="1430715" y="3028869"/>
                </a:cubicBezTo>
                <a:cubicBezTo>
                  <a:pt x="1430715" y="2356839"/>
                  <a:pt x="944881" y="1796146"/>
                  <a:pt x="299028" y="1666473"/>
                </a:cubicBezTo>
                <a:lnTo>
                  <a:pt x="15345" y="1638413"/>
                </a:lnTo>
                <a:lnTo>
                  <a:pt x="15345" y="1638318"/>
                </a:lnTo>
                <a:lnTo>
                  <a:pt x="13416" y="1638223"/>
                </a:lnTo>
                <a:lnTo>
                  <a:pt x="13387" y="1638220"/>
                </a:lnTo>
                <a:lnTo>
                  <a:pt x="13387" y="1638222"/>
                </a:lnTo>
                <a:lnTo>
                  <a:pt x="7909" y="1638764"/>
                </a:lnTo>
                <a:lnTo>
                  <a:pt x="7909" y="1469"/>
                </a:lnTo>
                <a:cubicBezTo>
                  <a:pt x="26129" y="188"/>
                  <a:pt x="44407" y="0"/>
                  <a:pt x="62728" y="0"/>
                </a:cubicBezTo>
                <a:cubicBezTo>
                  <a:pt x="1599073" y="0"/>
                  <a:pt x="2844528" y="1319429"/>
                  <a:pt x="2844528" y="2947027"/>
                </a:cubicBezTo>
                <a:cubicBezTo>
                  <a:pt x="2844528" y="3048751"/>
                  <a:pt x="2839663" y="3149273"/>
                  <a:pt x="2830166" y="3248343"/>
                </a:cubicBezTo>
                <a:close/>
              </a:path>
            </a:pathLst>
          </a:cu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wrap="square" rtlCol="0" anchor="ctr">
            <a:noAutofit/>
          </a:bodyPr>
          <a:lstStyle/>
          <a:p>
            <a:pPr marL="0" marR="0" lvl="0" indent="0" algn="ctr" defTabSz="685757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50" b="0" i="0" u="none" strike="noStrike" kern="0" cap="none" spc="0" normalizeH="0" baseline="0" noProof="0" dirty="0">
              <a:ln>
                <a:noFill/>
              </a:ln>
              <a:solidFill>
                <a:schemeClr val="accent3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sp>
        <p:nvSpPr>
          <p:cNvPr id="19" name="Main Text">
            <a:extLst>
              <a:ext uri="{FF2B5EF4-FFF2-40B4-BE49-F238E27FC236}">
                <a16:creationId xmlns:a16="http://schemas.microsoft.com/office/drawing/2014/main" id="{3EB16D09-C0CE-4D83-92F9-CF0C1E63C6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0" name="Subtitle">
            <a:extLst>
              <a:ext uri="{FF2B5EF4-FFF2-40B4-BE49-F238E27FC236}">
                <a16:creationId xmlns:a16="http://schemas.microsoft.com/office/drawing/2014/main" id="{F844CCE9-B7A6-46FA-8C53-DD93B7AEFC9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MAIN HEADLINE">
            <a:extLst>
              <a:ext uri="{FF2B5EF4-FFF2-40B4-BE49-F238E27FC236}">
                <a16:creationId xmlns:a16="http://schemas.microsoft.com/office/drawing/2014/main" id="{CEEC0C43-6E7B-437A-B3E4-E0B273B676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10" name="Border">
            <a:extLst>
              <a:ext uri="{FF2B5EF4-FFF2-40B4-BE49-F238E27FC236}">
                <a16:creationId xmlns:a16="http://schemas.microsoft.com/office/drawing/2014/main" id="{D5988514-6C4C-44F7-833B-ACE389EBE4A2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7673727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 userDrawn="1">
          <p15:clr>
            <a:srgbClr val="FBAE40"/>
          </p15:clr>
        </p15:guide>
        <p15:guide id="2" pos="295" userDrawn="1">
          <p15:clr>
            <a:srgbClr val="FBAE40"/>
          </p15:clr>
        </p15:guide>
        <p15:guide id="3" pos="4468" userDrawn="1">
          <p15:clr>
            <a:srgbClr val="FBAE40"/>
          </p15:clr>
        </p15:guide>
        <p15:guide id="4" orient="horz" pos="692" userDrawn="1">
          <p15:clr>
            <a:srgbClr val="FBAE40"/>
          </p15:clr>
        </p15:guide>
        <p15:guide id="5" pos="522" userDrawn="1">
          <p15:clr>
            <a:srgbClr val="FBAE40"/>
          </p15:clr>
        </p15:guide>
        <p15:guide id="6" orient="horz" pos="964" userDrawn="1">
          <p15:clr>
            <a:srgbClr val="FBAE40"/>
          </p15:clr>
        </p15:guide>
        <p15:guide id="7" orient="horz" pos="284" userDrawn="1">
          <p15:clr>
            <a:srgbClr val="FBAE40"/>
          </p15:clr>
        </p15:guide>
        <p15:guide id="9" pos="4236" userDrawn="1">
          <p15:clr>
            <a:srgbClr val="FBAE40"/>
          </p15:clr>
        </p15:guide>
        <p15:guide id="10" orient="horz" pos="6452" userDrawn="1">
          <p15:clr>
            <a:srgbClr val="FBAE40"/>
          </p15:clr>
        </p15:guide>
        <p15:guide id="11" orient="horz" pos="533" userDrawn="1">
          <p15:clr>
            <a:srgbClr val="FBAE40"/>
          </p15:clr>
        </p15:guide>
        <p15:guide id="12" orient="horz" pos="2688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8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A8F3DFF2-F9F3-47D4-9C44-F25E0E4AAE35}"/>
              </a:ext>
            </a:extLst>
          </p:cNvPr>
          <p:cNvSpPr/>
          <p:nvPr userDrawn="1"/>
        </p:nvSpPr>
        <p:spPr>
          <a:xfrm>
            <a:off x="1753830" y="7529790"/>
            <a:ext cx="5807434" cy="3163610"/>
          </a:xfrm>
          <a:custGeom>
            <a:avLst/>
            <a:gdLst>
              <a:gd name="connsiteX0" fmla="*/ 2162861 w 5807434"/>
              <a:gd name="connsiteY0" fmla="*/ 0 h 3163610"/>
              <a:gd name="connsiteX1" fmla="*/ 3801373 w 5807434"/>
              <a:gd name="connsiteY1" fmla="*/ 2396647 h 3163610"/>
              <a:gd name="connsiteX2" fmla="*/ 5439886 w 5807434"/>
              <a:gd name="connsiteY2" fmla="*/ 0 h 3163610"/>
              <a:gd name="connsiteX3" fmla="*/ 5807434 w 5807434"/>
              <a:gd name="connsiteY3" fmla="*/ 537611 h 3163610"/>
              <a:gd name="connsiteX4" fmla="*/ 5807434 w 5807434"/>
              <a:gd name="connsiteY4" fmla="*/ 3163610 h 3163610"/>
              <a:gd name="connsiteX5" fmla="*/ 4325722 w 5807434"/>
              <a:gd name="connsiteY5" fmla="*/ 3163610 h 3163610"/>
              <a:gd name="connsiteX6" fmla="*/ 3277025 w 5807434"/>
              <a:gd name="connsiteY6" fmla="*/ 3163610 h 3163610"/>
              <a:gd name="connsiteX7" fmla="*/ 0 w 5807434"/>
              <a:gd name="connsiteY7" fmla="*/ 3163610 h 316361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5807434" h="3163610">
                <a:moveTo>
                  <a:pt x="2162861" y="0"/>
                </a:moveTo>
                <a:lnTo>
                  <a:pt x="3801373" y="2396647"/>
                </a:lnTo>
                <a:lnTo>
                  <a:pt x="5439886" y="0"/>
                </a:lnTo>
                <a:lnTo>
                  <a:pt x="5807434" y="537611"/>
                </a:lnTo>
                <a:lnTo>
                  <a:pt x="5807434" y="3163610"/>
                </a:lnTo>
                <a:lnTo>
                  <a:pt x="4325722" y="3163610"/>
                </a:lnTo>
                <a:lnTo>
                  <a:pt x="3277025" y="3163610"/>
                </a:lnTo>
                <a:lnTo>
                  <a:pt x="0" y="3163610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68579" tIns="34289" rIns="68579" bIns="34289" rtlCol="0" anchor="ctr">
            <a:noAutofit/>
          </a:bodyPr>
          <a:lstStyle/>
          <a:p>
            <a:pPr algn="ctr" defTabSz="685783"/>
            <a:endParaRPr lang="en-GB" sz="1400">
              <a:solidFill>
                <a:srgbClr val="FEFFFF"/>
              </a:solidFill>
            </a:endParaRPr>
          </a:p>
        </p:txBody>
      </p:sp>
      <p:sp>
        <p:nvSpPr>
          <p:cNvPr id="13" name="Main Text">
            <a:extLst>
              <a:ext uri="{FF2B5EF4-FFF2-40B4-BE49-F238E27FC236}">
                <a16:creationId xmlns:a16="http://schemas.microsoft.com/office/drawing/2014/main" id="{265186FC-C88D-4F04-8A50-1192C78B759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B9BC7732-1B2A-4A2C-8417-19E3BFAF6FF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A47592CE-C541-4ECD-B34E-C3E0D3BF544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27857452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8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5F2ED3E9-09D5-4FEF-8755-00B1018710B9}"/>
              </a:ext>
            </a:extLst>
          </p:cNvPr>
          <p:cNvSpPr/>
          <p:nvPr userDrawn="1"/>
        </p:nvSpPr>
        <p:spPr>
          <a:xfrm>
            <a:off x="1753830" y="7529790"/>
            <a:ext cx="5807434" cy="3163610"/>
          </a:xfrm>
          <a:custGeom>
            <a:avLst/>
            <a:gdLst>
              <a:gd name="connsiteX0" fmla="*/ 2162861 w 5807434"/>
              <a:gd name="connsiteY0" fmla="*/ 0 h 3163610"/>
              <a:gd name="connsiteX1" fmla="*/ 3801373 w 5807434"/>
              <a:gd name="connsiteY1" fmla="*/ 2396647 h 3163610"/>
              <a:gd name="connsiteX2" fmla="*/ 5439886 w 5807434"/>
              <a:gd name="connsiteY2" fmla="*/ 0 h 3163610"/>
              <a:gd name="connsiteX3" fmla="*/ 5807434 w 5807434"/>
              <a:gd name="connsiteY3" fmla="*/ 537611 h 3163610"/>
              <a:gd name="connsiteX4" fmla="*/ 5807434 w 5807434"/>
              <a:gd name="connsiteY4" fmla="*/ 3163610 h 3163610"/>
              <a:gd name="connsiteX5" fmla="*/ 4325722 w 5807434"/>
              <a:gd name="connsiteY5" fmla="*/ 3163610 h 3163610"/>
              <a:gd name="connsiteX6" fmla="*/ 3277025 w 5807434"/>
              <a:gd name="connsiteY6" fmla="*/ 3163610 h 3163610"/>
              <a:gd name="connsiteX7" fmla="*/ 0 w 5807434"/>
              <a:gd name="connsiteY7" fmla="*/ 3163610 h 316361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5807434" h="3163610">
                <a:moveTo>
                  <a:pt x="2162861" y="0"/>
                </a:moveTo>
                <a:lnTo>
                  <a:pt x="3801373" y="2396647"/>
                </a:lnTo>
                <a:lnTo>
                  <a:pt x="5439886" y="0"/>
                </a:lnTo>
                <a:lnTo>
                  <a:pt x="5807434" y="537611"/>
                </a:lnTo>
                <a:lnTo>
                  <a:pt x="5807434" y="3163610"/>
                </a:lnTo>
                <a:lnTo>
                  <a:pt x="4325722" y="3163610"/>
                </a:lnTo>
                <a:lnTo>
                  <a:pt x="3277025" y="3163610"/>
                </a:lnTo>
                <a:lnTo>
                  <a:pt x="0" y="316361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68579" tIns="34289" rIns="68579" bIns="34289" rtlCol="0" anchor="ctr">
            <a:noAutofit/>
          </a:bodyPr>
          <a:lstStyle/>
          <a:p>
            <a:pPr algn="ctr" defTabSz="685783"/>
            <a:endParaRPr lang="en-GB" sz="1400">
              <a:solidFill>
                <a:srgbClr val="FEFFFF"/>
              </a:solidFill>
            </a:endParaRPr>
          </a:p>
        </p:txBody>
      </p:sp>
      <p:sp>
        <p:nvSpPr>
          <p:cNvPr id="11" name="Picture">
            <a:extLst>
              <a:ext uri="{FF2B5EF4-FFF2-40B4-BE49-F238E27FC236}">
                <a16:creationId xmlns:a16="http://schemas.microsoft.com/office/drawing/2014/main" id="{C5F526F3-9205-43C4-9FA6-AB0ACDC53D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99A47680-5D52-4740-893E-1E00EE18BFA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Subtitle">
            <a:extLst>
              <a:ext uri="{FF2B5EF4-FFF2-40B4-BE49-F238E27FC236}">
                <a16:creationId xmlns:a16="http://schemas.microsoft.com/office/drawing/2014/main" id="{138904F4-2349-4567-A25C-A1D141F7D49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MAIN HEADLINE">
            <a:extLst>
              <a:ext uri="{FF2B5EF4-FFF2-40B4-BE49-F238E27FC236}">
                <a16:creationId xmlns:a16="http://schemas.microsoft.com/office/drawing/2014/main" id="{0BC5B30A-C04E-479C-B461-2F54920925A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9" name="Border">
            <a:extLst>
              <a:ext uri="{FF2B5EF4-FFF2-40B4-BE49-F238E27FC236}">
                <a16:creationId xmlns:a16="http://schemas.microsoft.com/office/drawing/2014/main" id="{D5A4236F-809E-4440-9379-156FBC0BAA8B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196938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8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27EF0239-8850-4DAC-8FBB-D258B75B9842}"/>
              </a:ext>
            </a:extLst>
          </p:cNvPr>
          <p:cNvSpPr/>
          <p:nvPr userDrawn="1"/>
        </p:nvSpPr>
        <p:spPr>
          <a:xfrm>
            <a:off x="1753830" y="7529790"/>
            <a:ext cx="5807434" cy="3163610"/>
          </a:xfrm>
          <a:custGeom>
            <a:avLst/>
            <a:gdLst>
              <a:gd name="connsiteX0" fmla="*/ 2162861 w 5807434"/>
              <a:gd name="connsiteY0" fmla="*/ 0 h 3163610"/>
              <a:gd name="connsiteX1" fmla="*/ 3801373 w 5807434"/>
              <a:gd name="connsiteY1" fmla="*/ 2396647 h 3163610"/>
              <a:gd name="connsiteX2" fmla="*/ 5439886 w 5807434"/>
              <a:gd name="connsiteY2" fmla="*/ 0 h 3163610"/>
              <a:gd name="connsiteX3" fmla="*/ 5807434 w 5807434"/>
              <a:gd name="connsiteY3" fmla="*/ 537611 h 3163610"/>
              <a:gd name="connsiteX4" fmla="*/ 5807434 w 5807434"/>
              <a:gd name="connsiteY4" fmla="*/ 3163610 h 3163610"/>
              <a:gd name="connsiteX5" fmla="*/ 4325722 w 5807434"/>
              <a:gd name="connsiteY5" fmla="*/ 3163610 h 3163610"/>
              <a:gd name="connsiteX6" fmla="*/ 3277025 w 5807434"/>
              <a:gd name="connsiteY6" fmla="*/ 3163610 h 3163610"/>
              <a:gd name="connsiteX7" fmla="*/ 0 w 5807434"/>
              <a:gd name="connsiteY7" fmla="*/ 3163610 h 316361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5807434" h="3163610">
                <a:moveTo>
                  <a:pt x="2162861" y="0"/>
                </a:moveTo>
                <a:lnTo>
                  <a:pt x="3801373" y="2396647"/>
                </a:lnTo>
                <a:lnTo>
                  <a:pt x="5439886" y="0"/>
                </a:lnTo>
                <a:lnTo>
                  <a:pt x="5807434" y="537611"/>
                </a:lnTo>
                <a:lnTo>
                  <a:pt x="5807434" y="3163610"/>
                </a:lnTo>
                <a:lnTo>
                  <a:pt x="4325722" y="3163610"/>
                </a:lnTo>
                <a:lnTo>
                  <a:pt x="3277025" y="3163610"/>
                </a:lnTo>
                <a:lnTo>
                  <a:pt x="0" y="316361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68579" tIns="34289" rIns="68579" bIns="34289" rtlCol="0" anchor="ctr">
            <a:noAutofit/>
          </a:bodyPr>
          <a:lstStyle/>
          <a:p>
            <a:pPr algn="ctr" defTabSz="685783"/>
            <a:endParaRPr lang="en-GB" sz="1400">
              <a:solidFill>
                <a:srgbClr val="FEFFFF"/>
              </a:solidFill>
            </a:endParaRPr>
          </a:p>
        </p:txBody>
      </p:sp>
      <p:sp>
        <p:nvSpPr>
          <p:cNvPr id="14" name="Main Text">
            <a:extLst>
              <a:ext uri="{FF2B5EF4-FFF2-40B4-BE49-F238E27FC236}">
                <a16:creationId xmlns:a16="http://schemas.microsoft.com/office/drawing/2014/main" id="{CBC78AAE-4C2F-4954-ACA8-5FA8BA4BE5E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3B56DDB3-56DF-4876-BF91-9319A3F04ED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FED9C697-967D-4D31-8929-627E3AECD71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69916704-4A88-44C3-BE67-FB762086BEB4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3044339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9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hape">
            <a:extLst>
              <a:ext uri="{FF2B5EF4-FFF2-40B4-BE49-F238E27FC236}">
                <a16:creationId xmlns:a16="http://schemas.microsoft.com/office/drawing/2014/main" id="{15FB435F-494D-4550-8D71-003C8730CA5F}"/>
              </a:ext>
            </a:extLst>
          </p:cNvPr>
          <p:cNvSpPr/>
          <p:nvPr userDrawn="1"/>
        </p:nvSpPr>
        <p:spPr>
          <a:xfrm rot="5400000">
            <a:off x="2811075" y="5961321"/>
            <a:ext cx="5111854" cy="3740025"/>
          </a:xfrm>
          <a:custGeom>
            <a:avLst/>
            <a:gdLst>
              <a:gd name="connsiteX0" fmla="*/ 0 w 3311100"/>
              <a:gd name="connsiteY0" fmla="*/ 0 h 2422527"/>
              <a:gd name="connsiteX1" fmla="*/ 3311100 w 3311100"/>
              <a:gd name="connsiteY1" fmla="*/ 0 h 2422527"/>
              <a:gd name="connsiteX2" fmla="*/ 3311100 w 3311100"/>
              <a:gd name="connsiteY2" fmla="*/ 2422527 h 2422527"/>
              <a:gd name="connsiteX3" fmla="*/ 2551344 w 3311100"/>
              <a:gd name="connsiteY3" fmla="*/ 2422527 h 2422527"/>
              <a:gd name="connsiteX4" fmla="*/ 1762529 w 3311100"/>
              <a:gd name="connsiteY4" fmla="*/ 1673612 h 2422527"/>
              <a:gd name="connsiteX5" fmla="*/ 2544445 w 3311100"/>
              <a:gd name="connsiteY5" fmla="*/ 1673612 h 2422527"/>
              <a:gd name="connsiteX6" fmla="*/ 2541771 w 3311100"/>
              <a:gd name="connsiteY6" fmla="*/ 719093 h 2422527"/>
              <a:gd name="connsiteX7" fmla="*/ 752647 w 3311100"/>
              <a:gd name="connsiteY7" fmla="*/ 719093 h 2422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311100" h="2422527">
                <a:moveTo>
                  <a:pt x="0" y="0"/>
                </a:moveTo>
                <a:lnTo>
                  <a:pt x="3311100" y="0"/>
                </a:lnTo>
                <a:lnTo>
                  <a:pt x="3311100" y="2422527"/>
                </a:lnTo>
                <a:lnTo>
                  <a:pt x="2551344" y="2422527"/>
                </a:lnTo>
                <a:lnTo>
                  <a:pt x="1762529" y="1673612"/>
                </a:lnTo>
                <a:lnTo>
                  <a:pt x="2544445" y="1673612"/>
                </a:lnTo>
                <a:lnTo>
                  <a:pt x="2541771" y="719093"/>
                </a:lnTo>
                <a:lnTo>
                  <a:pt x="752647" y="71909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  <p:sp>
        <p:nvSpPr>
          <p:cNvPr id="16" name="Picture"/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4" name="Main Text">
            <a:extLst>
              <a:ext uri="{FF2B5EF4-FFF2-40B4-BE49-F238E27FC236}">
                <a16:creationId xmlns:a16="http://schemas.microsoft.com/office/drawing/2014/main" id="{DE9B0487-11CD-4B19-85DE-21270248E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5380522F-E2C0-4E71-9B4E-F8137B1169C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MAIN HEADLINE">
            <a:extLst>
              <a:ext uri="{FF2B5EF4-FFF2-40B4-BE49-F238E27FC236}">
                <a16:creationId xmlns:a16="http://schemas.microsoft.com/office/drawing/2014/main" id="{3DA1A670-1365-4518-8DB4-94B4CC92138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1E9FC1A5-F6F4-423C-85E3-8A46518ECE1C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22565020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9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7E2D6453-84A6-4ABE-B1F4-3DC69D94ED94}"/>
              </a:ext>
            </a:extLst>
          </p:cNvPr>
          <p:cNvSpPr/>
          <p:nvPr userDrawn="1"/>
        </p:nvSpPr>
        <p:spPr>
          <a:xfrm rot="5400000">
            <a:off x="2288867" y="5466218"/>
            <a:ext cx="6245337" cy="4569324"/>
          </a:xfrm>
          <a:custGeom>
            <a:avLst/>
            <a:gdLst>
              <a:gd name="connsiteX0" fmla="*/ 0 w 3311100"/>
              <a:gd name="connsiteY0" fmla="*/ 0 h 2422527"/>
              <a:gd name="connsiteX1" fmla="*/ 3311100 w 3311100"/>
              <a:gd name="connsiteY1" fmla="*/ 0 h 2422527"/>
              <a:gd name="connsiteX2" fmla="*/ 3311100 w 3311100"/>
              <a:gd name="connsiteY2" fmla="*/ 2422527 h 2422527"/>
              <a:gd name="connsiteX3" fmla="*/ 2551344 w 3311100"/>
              <a:gd name="connsiteY3" fmla="*/ 2422527 h 2422527"/>
              <a:gd name="connsiteX4" fmla="*/ 1762529 w 3311100"/>
              <a:gd name="connsiteY4" fmla="*/ 1673612 h 2422527"/>
              <a:gd name="connsiteX5" fmla="*/ 2544445 w 3311100"/>
              <a:gd name="connsiteY5" fmla="*/ 1673612 h 2422527"/>
              <a:gd name="connsiteX6" fmla="*/ 2541771 w 3311100"/>
              <a:gd name="connsiteY6" fmla="*/ 719093 h 2422527"/>
              <a:gd name="connsiteX7" fmla="*/ 752647 w 3311100"/>
              <a:gd name="connsiteY7" fmla="*/ 719093 h 2422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311100" h="2422527">
                <a:moveTo>
                  <a:pt x="0" y="0"/>
                </a:moveTo>
                <a:lnTo>
                  <a:pt x="3311100" y="0"/>
                </a:lnTo>
                <a:lnTo>
                  <a:pt x="3311100" y="2422527"/>
                </a:lnTo>
                <a:lnTo>
                  <a:pt x="2551344" y="2422527"/>
                </a:lnTo>
                <a:lnTo>
                  <a:pt x="1762529" y="1673612"/>
                </a:lnTo>
                <a:lnTo>
                  <a:pt x="2544445" y="1673612"/>
                </a:lnTo>
                <a:lnTo>
                  <a:pt x="2541771" y="719093"/>
                </a:lnTo>
                <a:lnTo>
                  <a:pt x="752647" y="719093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  <p:sp>
        <p:nvSpPr>
          <p:cNvPr id="11" name="Main Text">
            <a:extLst>
              <a:ext uri="{FF2B5EF4-FFF2-40B4-BE49-F238E27FC236}">
                <a16:creationId xmlns:a16="http://schemas.microsoft.com/office/drawing/2014/main" id="{ACDA9BE6-53E5-41A0-932D-F28D116FB57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2" name="Subtitle">
            <a:extLst>
              <a:ext uri="{FF2B5EF4-FFF2-40B4-BE49-F238E27FC236}">
                <a16:creationId xmlns:a16="http://schemas.microsoft.com/office/drawing/2014/main" id="{92C669AA-6A88-47F9-9102-164E9121C02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MAIN HEADLINE">
            <a:extLst>
              <a:ext uri="{FF2B5EF4-FFF2-40B4-BE49-F238E27FC236}">
                <a16:creationId xmlns:a16="http://schemas.microsoft.com/office/drawing/2014/main" id="{CB7643BF-20D3-48F1-849B-CB321AE4B31F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3152422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9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6FDA0256-88C8-4DB0-AC26-3B91F79CAAA6}"/>
              </a:ext>
            </a:extLst>
          </p:cNvPr>
          <p:cNvSpPr/>
          <p:nvPr userDrawn="1"/>
        </p:nvSpPr>
        <p:spPr>
          <a:xfrm rot="5400000">
            <a:off x="2811075" y="5961321"/>
            <a:ext cx="5111854" cy="3740025"/>
          </a:xfrm>
          <a:custGeom>
            <a:avLst/>
            <a:gdLst>
              <a:gd name="connsiteX0" fmla="*/ 0 w 3311100"/>
              <a:gd name="connsiteY0" fmla="*/ 0 h 2422527"/>
              <a:gd name="connsiteX1" fmla="*/ 3311100 w 3311100"/>
              <a:gd name="connsiteY1" fmla="*/ 0 h 2422527"/>
              <a:gd name="connsiteX2" fmla="*/ 3311100 w 3311100"/>
              <a:gd name="connsiteY2" fmla="*/ 2422527 h 2422527"/>
              <a:gd name="connsiteX3" fmla="*/ 2551344 w 3311100"/>
              <a:gd name="connsiteY3" fmla="*/ 2422527 h 2422527"/>
              <a:gd name="connsiteX4" fmla="*/ 1762529 w 3311100"/>
              <a:gd name="connsiteY4" fmla="*/ 1673612 h 2422527"/>
              <a:gd name="connsiteX5" fmla="*/ 2544445 w 3311100"/>
              <a:gd name="connsiteY5" fmla="*/ 1673612 h 2422527"/>
              <a:gd name="connsiteX6" fmla="*/ 2541771 w 3311100"/>
              <a:gd name="connsiteY6" fmla="*/ 719093 h 2422527"/>
              <a:gd name="connsiteX7" fmla="*/ 752647 w 3311100"/>
              <a:gd name="connsiteY7" fmla="*/ 719093 h 2422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311100" h="2422527">
                <a:moveTo>
                  <a:pt x="0" y="0"/>
                </a:moveTo>
                <a:lnTo>
                  <a:pt x="3311100" y="0"/>
                </a:lnTo>
                <a:lnTo>
                  <a:pt x="3311100" y="2422527"/>
                </a:lnTo>
                <a:lnTo>
                  <a:pt x="2551344" y="2422527"/>
                </a:lnTo>
                <a:lnTo>
                  <a:pt x="1762529" y="1673612"/>
                </a:lnTo>
                <a:lnTo>
                  <a:pt x="2544445" y="1673612"/>
                </a:lnTo>
                <a:lnTo>
                  <a:pt x="2541771" y="719093"/>
                </a:lnTo>
                <a:lnTo>
                  <a:pt x="752647" y="71909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  <p:sp>
        <p:nvSpPr>
          <p:cNvPr id="16" name="Picture"/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4" name="Main Text">
            <a:extLst>
              <a:ext uri="{FF2B5EF4-FFF2-40B4-BE49-F238E27FC236}">
                <a16:creationId xmlns:a16="http://schemas.microsoft.com/office/drawing/2014/main" id="{F3621878-2FFC-4A93-AAA3-DE38D705CF7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87DDEF45-E172-4D38-A913-0BBE5C1D9BF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MAIN HEADLINE">
            <a:extLst>
              <a:ext uri="{FF2B5EF4-FFF2-40B4-BE49-F238E27FC236}">
                <a16:creationId xmlns:a16="http://schemas.microsoft.com/office/drawing/2014/main" id="{5FB450EB-8668-40A4-A297-2F3941EB0D2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9" name="Border">
            <a:extLst>
              <a:ext uri="{FF2B5EF4-FFF2-40B4-BE49-F238E27FC236}">
                <a16:creationId xmlns:a16="http://schemas.microsoft.com/office/drawing/2014/main" id="{758DF4BB-393C-4007-8C8D-AE1ADB21578C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5318176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9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Shape">
            <a:extLst>
              <a:ext uri="{FF2B5EF4-FFF2-40B4-BE49-F238E27FC236}">
                <a16:creationId xmlns:a16="http://schemas.microsoft.com/office/drawing/2014/main" id="{4BF136B7-FA0E-4173-A0FD-315587C48D17}"/>
              </a:ext>
            </a:extLst>
          </p:cNvPr>
          <p:cNvSpPr/>
          <p:nvPr userDrawn="1"/>
        </p:nvSpPr>
        <p:spPr>
          <a:xfrm rot="5400000">
            <a:off x="2811075" y="5961321"/>
            <a:ext cx="5111854" cy="3740025"/>
          </a:xfrm>
          <a:custGeom>
            <a:avLst/>
            <a:gdLst>
              <a:gd name="connsiteX0" fmla="*/ 0 w 3311100"/>
              <a:gd name="connsiteY0" fmla="*/ 0 h 2422527"/>
              <a:gd name="connsiteX1" fmla="*/ 3311100 w 3311100"/>
              <a:gd name="connsiteY1" fmla="*/ 0 h 2422527"/>
              <a:gd name="connsiteX2" fmla="*/ 3311100 w 3311100"/>
              <a:gd name="connsiteY2" fmla="*/ 2422527 h 2422527"/>
              <a:gd name="connsiteX3" fmla="*/ 2551344 w 3311100"/>
              <a:gd name="connsiteY3" fmla="*/ 2422527 h 2422527"/>
              <a:gd name="connsiteX4" fmla="*/ 1762529 w 3311100"/>
              <a:gd name="connsiteY4" fmla="*/ 1673612 h 2422527"/>
              <a:gd name="connsiteX5" fmla="*/ 2544445 w 3311100"/>
              <a:gd name="connsiteY5" fmla="*/ 1673612 h 2422527"/>
              <a:gd name="connsiteX6" fmla="*/ 2541771 w 3311100"/>
              <a:gd name="connsiteY6" fmla="*/ 719093 h 2422527"/>
              <a:gd name="connsiteX7" fmla="*/ 752647 w 3311100"/>
              <a:gd name="connsiteY7" fmla="*/ 719093 h 2422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311100" h="2422527">
                <a:moveTo>
                  <a:pt x="0" y="0"/>
                </a:moveTo>
                <a:lnTo>
                  <a:pt x="3311100" y="0"/>
                </a:lnTo>
                <a:lnTo>
                  <a:pt x="3311100" y="2422527"/>
                </a:lnTo>
                <a:lnTo>
                  <a:pt x="2551344" y="2422527"/>
                </a:lnTo>
                <a:lnTo>
                  <a:pt x="1762529" y="1673612"/>
                </a:lnTo>
                <a:lnTo>
                  <a:pt x="2544445" y="1673612"/>
                </a:lnTo>
                <a:lnTo>
                  <a:pt x="2541771" y="719093"/>
                </a:lnTo>
                <a:lnTo>
                  <a:pt x="752647" y="71909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  <p:sp>
        <p:nvSpPr>
          <p:cNvPr id="20" name="Main Text">
            <a:extLst>
              <a:ext uri="{FF2B5EF4-FFF2-40B4-BE49-F238E27FC236}">
                <a16:creationId xmlns:a16="http://schemas.microsoft.com/office/drawing/2014/main" id="{08B173C5-28D8-4D9D-9C0D-573A13918AB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1" name="Subtitle">
            <a:extLst>
              <a:ext uri="{FF2B5EF4-FFF2-40B4-BE49-F238E27FC236}">
                <a16:creationId xmlns:a16="http://schemas.microsoft.com/office/drawing/2014/main" id="{A194AA85-7909-4D87-B10F-2F67BA6A684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2" name="MAIN HEADLINE">
            <a:extLst>
              <a:ext uri="{FF2B5EF4-FFF2-40B4-BE49-F238E27FC236}">
                <a16:creationId xmlns:a16="http://schemas.microsoft.com/office/drawing/2014/main" id="{D8B5AF14-3F59-4378-935C-682A0238F6C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FF207E33-5B1A-4F0B-ADDC-989B076692C0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297027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0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hape">
            <a:extLst>
              <a:ext uri="{FF2B5EF4-FFF2-40B4-BE49-F238E27FC236}">
                <a16:creationId xmlns:a16="http://schemas.microsoft.com/office/drawing/2014/main" id="{79BB56ED-7373-459C-A653-DFD3332CFC98}"/>
              </a:ext>
            </a:extLst>
          </p:cNvPr>
          <p:cNvSpPr/>
          <p:nvPr userDrawn="1"/>
        </p:nvSpPr>
        <p:spPr>
          <a:xfrm flipH="1">
            <a:off x="0" y="6771690"/>
            <a:ext cx="3416166" cy="3470861"/>
          </a:xfrm>
          <a:custGeom>
            <a:avLst/>
            <a:gdLst>
              <a:gd name="connsiteX0" fmla="*/ 3416166 w 3416166"/>
              <a:gd name="connsiteY0" fmla="*/ 0 h 3470861"/>
              <a:gd name="connsiteX1" fmla="*/ 1877874 w 3416166"/>
              <a:gd name="connsiteY1" fmla="*/ 0 h 3470861"/>
              <a:gd name="connsiteX2" fmla="*/ 1877874 w 3416166"/>
              <a:gd name="connsiteY2" fmla="*/ 517981 h 3470861"/>
              <a:gd name="connsiteX3" fmla="*/ 1854614 w 3416166"/>
              <a:gd name="connsiteY3" fmla="*/ 505354 h 3470861"/>
              <a:gd name="connsiteX4" fmla="*/ 1334980 w 3416166"/>
              <a:gd name="connsiteY4" fmla="*/ 400446 h 3470861"/>
              <a:gd name="connsiteX5" fmla="*/ 0 w 3416166"/>
              <a:gd name="connsiteY5" fmla="*/ 1735426 h 3470861"/>
              <a:gd name="connsiteX6" fmla="*/ 1334980 w 3416166"/>
              <a:gd name="connsiteY6" fmla="*/ 3070405 h 3470861"/>
              <a:gd name="connsiteX7" fmla="*/ 1854614 w 3416166"/>
              <a:gd name="connsiteY7" fmla="*/ 2965497 h 3470861"/>
              <a:gd name="connsiteX8" fmla="*/ 1877874 w 3416166"/>
              <a:gd name="connsiteY8" fmla="*/ 2952873 h 3470861"/>
              <a:gd name="connsiteX9" fmla="*/ 1877874 w 3416166"/>
              <a:gd name="connsiteY9" fmla="*/ 517985 h 3470861"/>
              <a:gd name="connsiteX10" fmla="*/ 2081378 w 3416166"/>
              <a:gd name="connsiteY10" fmla="*/ 628444 h 3470861"/>
              <a:gd name="connsiteX11" fmla="*/ 2669959 w 3416166"/>
              <a:gd name="connsiteY11" fmla="*/ 1735429 h 3470861"/>
              <a:gd name="connsiteX12" fmla="*/ 2081378 w 3416166"/>
              <a:gd name="connsiteY12" fmla="*/ 2842414 h 3470861"/>
              <a:gd name="connsiteX13" fmla="*/ 1877874 w 3416166"/>
              <a:gd name="connsiteY13" fmla="*/ 2952876 h 3470861"/>
              <a:gd name="connsiteX14" fmla="*/ 1877874 w 3416166"/>
              <a:gd name="connsiteY14" fmla="*/ 3470861 h 3470861"/>
              <a:gd name="connsiteX15" fmla="*/ 3416166 w 3416166"/>
              <a:gd name="connsiteY15" fmla="*/ 3470861 h 347086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3416166" h="3470861">
                <a:moveTo>
                  <a:pt x="3416166" y="0"/>
                </a:moveTo>
                <a:lnTo>
                  <a:pt x="1877874" y="0"/>
                </a:lnTo>
                <a:lnTo>
                  <a:pt x="1877874" y="517981"/>
                </a:lnTo>
                <a:lnTo>
                  <a:pt x="1854614" y="505354"/>
                </a:lnTo>
                <a:cubicBezTo>
                  <a:pt x="1694899" y="437801"/>
                  <a:pt x="1519301" y="400446"/>
                  <a:pt x="1334980" y="400446"/>
                </a:cubicBezTo>
                <a:cubicBezTo>
                  <a:pt x="597692" y="400446"/>
                  <a:pt x="0" y="998138"/>
                  <a:pt x="0" y="1735426"/>
                </a:cubicBezTo>
                <a:cubicBezTo>
                  <a:pt x="0" y="2472713"/>
                  <a:pt x="597692" y="3070405"/>
                  <a:pt x="1334980" y="3070405"/>
                </a:cubicBezTo>
                <a:cubicBezTo>
                  <a:pt x="1519301" y="3070405"/>
                  <a:pt x="1694899" y="3033050"/>
                  <a:pt x="1854614" y="2965497"/>
                </a:cubicBezTo>
                <a:lnTo>
                  <a:pt x="1877874" y="2952873"/>
                </a:lnTo>
                <a:lnTo>
                  <a:pt x="1877874" y="517985"/>
                </a:lnTo>
                <a:lnTo>
                  <a:pt x="2081378" y="628444"/>
                </a:lnTo>
                <a:cubicBezTo>
                  <a:pt x="2436486" y="868349"/>
                  <a:pt x="2669959" y="1274625"/>
                  <a:pt x="2669959" y="1735429"/>
                </a:cubicBezTo>
                <a:cubicBezTo>
                  <a:pt x="2669959" y="2196233"/>
                  <a:pt x="2436486" y="2602510"/>
                  <a:pt x="2081378" y="2842414"/>
                </a:cubicBezTo>
                <a:lnTo>
                  <a:pt x="1877874" y="2952876"/>
                </a:lnTo>
                <a:lnTo>
                  <a:pt x="1877874" y="3470861"/>
                </a:lnTo>
                <a:lnTo>
                  <a:pt x="3416166" y="3470861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>
              <a:ln>
                <a:noFill/>
              </a:ln>
            </a:endParaRPr>
          </a:p>
        </p:txBody>
      </p:sp>
      <p:sp>
        <p:nvSpPr>
          <p:cNvPr id="17" name="Picture">
            <a:extLst>
              <a:ext uri="{FF2B5EF4-FFF2-40B4-BE49-F238E27FC236}">
                <a16:creationId xmlns:a16="http://schemas.microsoft.com/office/drawing/2014/main" id="{17D8FDE5-4EE2-46B7-9007-0D296C76ADB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9" name="Main Text">
            <a:extLst>
              <a:ext uri="{FF2B5EF4-FFF2-40B4-BE49-F238E27FC236}">
                <a16:creationId xmlns:a16="http://schemas.microsoft.com/office/drawing/2014/main" id="{7204F54B-FC5A-4C4D-AFEE-62D5132115F4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0" name="Subtitle">
            <a:extLst>
              <a:ext uri="{FF2B5EF4-FFF2-40B4-BE49-F238E27FC236}">
                <a16:creationId xmlns:a16="http://schemas.microsoft.com/office/drawing/2014/main" id="{841D5393-77B7-4B8A-9E62-91E6617288C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1" name="MAIN HEADLINE">
            <a:extLst>
              <a:ext uri="{FF2B5EF4-FFF2-40B4-BE49-F238E27FC236}">
                <a16:creationId xmlns:a16="http://schemas.microsoft.com/office/drawing/2014/main" id="{D4349542-ED15-47E9-A13F-7712CEC50D8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C52ADD8B-4B61-4742-91A7-8C3A0797FCFE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162477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0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hape">
            <a:extLst>
              <a:ext uri="{FF2B5EF4-FFF2-40B4-BE49-F238E27FC236}">
                <a16:creationId xmlns:a16="http://schemas.microsoft.com/office/drawing/2014/main" id="{741366D5-5144-41E3-9CA0-5A8B0F012E9D}"/>
              </a:ext>
            </a:extLst>
          </p:cNvPr>
          <p:cNvSpPr/>
          <p:nvPr userDrawn="1"/>
        </p:nvSpPr>
        <p:spPr>
          <a:xfrm flipH="1">
            <a:off x="0" y="6771690"/>
            <a:ext cx="3416166" cy="3470861"/>
          </a:xfrm>
          <a:custGeom>
            <a:avLst/>
            <a:gdLst>
              <a:gd name="connsiteX0" fmla="*/ 3416166 w 3416166"/>
              <a:gd name="connsiteY0" fmla="*/ 0 h 3470861"/>
              <a:gd name="connsiteX1" fmla="*/ 1877874 w 3416166"/>
              <a:gd name="connsiteY1" fmla="*/ 0 h 3470861"/>
              <a:gd name="connsiteX2" fmla="*/ 1877874 w 3416166"/>
              <a:gd name="connsiteY2" fmla="*/ 517981 h 3470861"/>
              <a:gd name="connsiteX3" fmla="*/ 1854614 w 3416166"/>
              <a:gd name="connsiteY3" fmla="*/ 505354 h 3470861"/>
              <a:gd name="connsiteX4" fmla="*/ 1334980 w 3416166"/>
              <a:gd name="connsiteY4" fmla="*/ 400446 h 3470861"/>
              <a:gd name="connsiteX5" fmla="*/ 0 w 3416166"/>
              <a:gd name="connsiteY5" fmla="*/ 1735426 h 3470861"/>
              <a:gd name="connsiteX6" fmla="*/ 1334980 w 3416166"/>
              <a:gd name="connsiteY6" fmla="*/ 3070405 h 3470861"/>
              <a:gd name="connsiteX7" fmla="*/ 1854614 w 3416166"/>
              <a:gd name="connsiteY7" fmla="*/ 2965497 h 3470861"/>
              <a:gd name="connsiteX8" fmla="*/ 1877874 w 3416166"/>
              <a:gd name="connsiteY8" fmla="*/ 2952873 h 3470861"/>
              <a:gd name="connsiteX9" fmla="*/ 1877874 w 3416166"/>
              <a:gd name="connsiteY9" fmla="*/ 517985 h 3470861"/>
              <a:gd name="connsiteX10" fmla="*/ 2081378 w 3416166"/>
              <a:gd name="connsiteY10" fmla="*/ 628444 h 3470861"/>
              <a:gd name="connsiteX11" fmla="*/ 2669959 w 3416166"/>
              <a:gd name="connsiteY11" fmla="*/ 1735429 h 3470861"/>
              <a:gd name="connsiteX12" fmla="*/ 2081378 w 3416166"/>
              <a:gd name="connsiteY12" fmla="*/ 2842414 h 3470861"/>
              <a:gd name="connsiteX13" fmla="*/ 1877874 w 3416166"/>
              <a:gd name="connsiteY13" fmla="*/ 2952876 h 3470861"/>
              <a:gd name="connsiteX14" fmla="*/ 1877874 w 3416166"/>
              <a:gd name="connsiteY14" fmla="*/ 3470861 h 3470861"/>
              <a:gd name="connsiteX15" fmla="*/ 3416166 w 3416166"/>
              <a:gd name="connsiteY15" fmla="*/ 3470861 h 347086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3416166" h="3470861">
                <a:moveTo>
                  <a:pt x="3416166" y="0"/>
                </a:moveTo>
                <a:lnTo>
                  <a:pt x="1877874" y="0"/>
                </a:lnTo>
                <a:lnTo>
                  <a:pt x="1877874" y="517981"/>
                </a:lnTo>
                <a:lnTo>
                  <a:pt x="1854614" y="505354"/>
                </a:lnTo>
                <a:cubicBezTo>
                  <a:pt x="1694899" y="437801"/>
                  <a:pt x="1519301" y="400446"/>
                  <a:pt x="1334980" y="400446"/>
                </a:cubicBezTo>
                <a:cubicBezTo>
                  <a:pt x="597692" y="400446"/>
                  <a:pt x="0" y="998138"/>
                  <a:pt x="0" y="1735426"/>
                </a:cubicBezTo>
                <a:cubicBezTo>
                  <a:pt x="0" y="2472713"/>
                  <a:pt x="597692" y="3070405"/>
                  <a:pt x="1334980" y="3070405"/>
                </a:cubicBezTo>
                <a:cubicBezTo>
                  <a:pt x="1519301" y="3070405"/>
                  <a:pt x="1694899" y="3033050"/>
                  <a:pt x="1854614" y="2965497"/>
                </a:cubicBezTo>
                <a:lnTo>
                  <a:pt x="1877874" y="2952873"/>
                </a:lnTo>
                <a:lnTo>
                  <a:pt x="1877874" y="517985"/>
                </a:lnTo>
                <a:lnTo>
                  <a:pt x="2081378" y="628444"/>
                </a:lnTo>
                <a:cubicBezTo>
                  <a:pt x="2436486" y="868349"/>
                  <a:pt x="2669959" y="1274625"/>
                  <a:pt x="2669959" y="1735429"/>
                </a:cubicBezTo>
                <a:cubicBezTo>
                  <a:pt x="2669959" y="2196233"/>
                  <a:pt x="2436486" y="2602510"/>
                  <a:pt x="2081378" y="2842414"/>
                </a:cubicBezTo>
                <a:lnTo>
                  <a:pt x="1877874" y="2952876"/>
                </a:lnTo>
                <a:lnTo>
                  <a:pt x="1877874" y="3470861"/>
                </a:lnTo>
                <a:lnTo>
                  <a:pt x="3416166" y="3470861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>
              <a:ln>
                <a:noFill/>
              </a:ln>
            </a:endParaRPr>
          </a:p>
        </p:txBody>
      </p:sp>
      <p:sp>
        <p:nvSpPr>
          <p:cNvPr id="15" name="Main Text">
            <a:extLst>
              <a:ext uri="{FF2B5EF4-FFF2-40B4-BE49-F238E27FC236}">
                <a16:creationId xmlns:a16="http://schemas.microsoft.com/office/drawing/2014/main" id="{7047D968-2DC1-4EAC-9DC1-216C8481EF4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5E08211E-E3B6-43F6-9F78-64516BF11D6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9" name="MAIN HEADLINE">
            <a:extLst>
              <a:ext uri="{FF2B5EF4-FFF2-40B4-BE49-F238E27FC236}">
                <a16:creationId xmlns:a16="http://schemas.microsoft.com/office/drawing/2014/main" id="{A103390D-3C37-4DED-8EAA-FF274B7EC38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3F072544-150F-4D2D-A028-BEBF5A06005A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838510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0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hape">
            <a:extLst>
              <a:ext uri="{FF2B5EF4-FFF2-40B4-BE49-F238E27FC236}">
                <a16:creationId xmlns:a16="http://schemas.microsoft.com/office/drawing/2014/main" id="{EB32C265-17CB-4323-BEFF-F18EA539EAC7}"/>
              </a:ext>
            </a:extLst>
          </p:cNvPr>
          <p:cNvSpPr/>
          <p:nvPr userDrawn="1"/>
        </p:nvSpPr>
        <p:spPr>
          <a:xfrm flipH="1">
            <a:off x="0" y="6771690"/>
            <a:ext cx="3416166" cy="3470861"/>
          </a:xfrm>
          <a:custGeom>
            <a:avLst/>
            <a:gdLst>
              <a:gd name="connsiteX0" fmla="*/ 3416166 w 3416166"/>
              <a:gd name="connsiteY0" fmla="*/ 0 h 3470861"/>
              <a:gd name="connsiteX1" fmla="*/ 1877874 w 3416166"/>
              <a:gd name="connsiteY1" fmla="*/ 0 h 3470861"/>
              <a:gd name="connsiteX2" fmla="*/ 1877874 w 3416166"/>
              <a:gd name="connsiteY2" fmla="*/ 517981 h 3470861"/>
              <a:gd name="connsiteX3" fmla="*/ 1854614 w 3416166"/>
              <a:gd name="connsiteY3" fmla="*/ 505354 h 3470861"/>
              <a:gd name="connsiteX4" fmla="*/ 1334980 w 3416166"/>
              <a:gd name="connsiteY4" fmla="*/ 400446 h 3470861"/>
              <a:gd name="connsiteX5" fmla="*/ 0 w 3416166"/>
              <a:gd name="connsiteY5" fmla="*/ 1735426 h 3470861"/>
              <a:gd name="connsiteX6" fmla="*/ 1334980 w 3416166"/>
              <a:gd name="connsiteY6" fmla="*/ 3070405 h 3470861"/>
              <a:gd name="connsiteX7" fmla="*/ 1854614 w 3416166"/>
              <a:gd name="connsiteY7" fmla="*/ 2965497 h 3470861"/>
              <a:gd name="connsiteX8" fmla="*/ 1877874 w 3416166"/>
              <a:gd name="connsiteY8" fmla="*/ 2952873 h 3470861"/>
              <a:gd name="connsiteX9" fmla="*/ 1877874 w 3416166"/>
              <a:gd name="connsiteY9" fmla="*/ 517985 h 3470861"/>
              <a:gd name="connsiteX10" fmla="*/ 2081378 w 3416166"/>
              <a:gd name="connsiteY10" fmla="*/ 628444 h 3470861"/>
              <a:gd name="connsiteX11" fmla="*/ 2669959 w 3416166"/>
              <a:gd name="connsiteY11" fmla="*/ 1735429 h 3470861"/>
              <a:gd name="connsiteX12" fmla="*/ 2081378 w 3416166"/>
              <a:gd name="connsiteY12" fmla="*/ 2842414 h 3470861"/>
              <a:gd name="connsiteX13" fmla="*/ 1877874 w 3416166"/>
              <a:gd name="connsiteY13" fmla="*/ 2952876 h 3470861"/>
              <a:gd name="connsiteX14" fmla="*/ 1877874 w 3416166"/>
              <a:gd name="connsiteY14" fmla="*/ 3470861 h 3470861"/>
              <a:gd name="connsiteX15" fmla="*/ 3416166 w 3416166"/>
              <a:gd name="connsiteY15" fmla="*/ 3470861 h 347086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3416166" h="3470861">
                <a:moveTo>
                  <a:pt x="3416166" y="0"/>
                </a:moveTo>
                <a:lnTo>
                  <a:pt x="1877874" y="0"/>
                </a:lnTo>
                <a:lnTo>
                  <a:pt x="1877874" y="517981"/>
                </a:lnTo>
                <a:lnTo>
                  <a:pt x="1854614" y="505354"/>
                </a:lnTo>
                <a:cubicBezTo>
                  <a:pt x="1694899" y="437801"/>
                  <a:pt x="1519301" y="400446"/>
                  <a:pt x="1334980" y="400446"/>
                </a:cubicBezTo>
                <a:cubicBezTo>
                  <a:pt x="597692" y="400446"/>
                  <a:pt x="0" y="998138"/>
                  <a:pt x="0" y="1735426"/>
                </a:cubicBezTo>
                <a:cubicBezTo>
                  <a:pt x="0" y="2472713"/>
                  <a:pt x="597692" y="3070405"/>
                  <a:pt x="1334980" y="3070405"/>
                </a:cubicBezTo>
                <a:cubicBezTo>
                  <a:pt x="1519301" y="3070405"/>
                  <a:pt x="1694899" y="3033050"/>
                  <a:pt x="1854614" y="2965497"/>
                </a:cubicBezTo>
                <a:lnTo>
                  <a:pt x="1877874" y="2952873"/>
                </a:lnTo>
                <a:lnTo>
                  <a:pt x="1877874" y="517985"/>
                </a:lnTo>
                <a:lnTo>
                  <a:pt x="2081378" y="628444"/>
                </a:lnTo>
                <a:cubicBezTo>
                  <a:pt x="2436486" y="868349"/>
                  <a:pt x="2669959" y="1274625"/>
                  <a:pt x="2669959" y="1735429"/>
                </a:cubicBezTo>
                <a:cubicBezTo>
                  <a:pt x="2669959" y="2196233"/>
                  <a:pt x="2436486" y="2602510"/>
                  <a:pt x="2081378" y="2842414"/>
                </a:cubicBezTo>
                <a:lnTo>
                  <a:pt x="1877874" y="2952876"/>
                </a:lnTo>
                <a:lnTo>
                  <a:pt x="1877874" y="3470861"/>
                </a:lnTo>
                <a:lnTo>
                  <a:pt x="3416166" y="3470861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>
              <a:ln>
                <a:noFill/>
              </a:ln>
            </a:endParaRPr>
          </a:p>
        </p:txBody>
      </p:sp>
      <p:sp>
        <p:nvSpPr>
          <p:cNvPr id="17" name="Picture">
            <a:extLst>
              <a:ext uri="{FF2B5EF4-FFF2-40B4-BE49-F238E27FC236}">
                <a16:creationId xmlns:a16="http://schemas.microsoft.com/office/drawing/2014/main" id="{E50C4B9C-722D-4323-9DC6-C96396E88F5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9" name="Main Text">
            <a:extLst>
              <a:ext uri="{FF2B5EF4-FFF2-40B4-BE49-F238E27FC236}">
                <a16:creationId xmlns:a16="http://schemas.microsoft.com/office/drawing/2014/main" id="{130B3FD0-9A36-4EF1-BB6E-363736D3E1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1" name="Subtitle">
            <a:extLst>
              <a:ext uri="{FF2B5EF4-FFF2-40B4-BE49-F238E27FC236}">
                <a16:creationId xmlns:a16="http://schemas.microsoft.com/office/drawing/2014/main" id="{919A0106-97D7-4118-89CD-656A35883B8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2" name="MAIN HEADLINE">
            <a:extLst>
              <a:ext uri="{FF2B5EF4-FFF2-40B4-BE49-F238E27FC236}">
                <a16:creationId xmlns:a16="http://schemas.microsoft.com/office/drawing/2014/main" id="{C40181AB-69BE-4049-B68C-113AFD09964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DCF7C1F7-5C2A-413B-996D-B42AC7AC0CF4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3414671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1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75CE9E66-3BEE-4F80-9620-6475905A1701}"/>
              </a:ext>
            </a:extLst>
          </p:cNvPr>
          <p:cNvSpPr/>
          <p:nvPr userDrawn="1"/>
        </p:nvSpPr>
        <p:spPr>
          <a:xfrm rot="10800000">
            <a:off x="4716735" y="0"/>
            <a:ext cx="2844528" cy="3474492"/>
          </a:xfrm>
          <a:custGeom>
            <a:avLst/>
            <a:gdLst>
              <a:gd name="connsiteX0" fmla="*/ 7909 w 2844528"/>
              <a:gd name="connsiteY0" fmla="*/ 3474492 h 3474492"/>
              <a:gd name="connsiteX1" fmla="*/ 0 w 2844528"/>
              <a:gd name="connsiteY1" fmla="*/ 3474492 h 3474492"/>
              <a:gd name="connsiteX2" fmla="*/ 0 w 2844528"/>
              <a:gd name="connsiteY2" fmla="*/ 1639546 h 3474492"/>
              <a:gd name="connsiteX3" fmla="*/ 7909 w 2844528"/>
              <a:gd name="connsiteY3" fmla="*/ 1638764 h 3474492"/>
              <a:gd name="connsiteX4" fmla="*/ 15345 w 2844528"/>
              <a:gd name="connsiteY4" fmla="*/ 3474492 h 3474492"/>
              <a:gd name="connsiteX5" fmla="*/ 13386 w 2844528"/>
              <a:gd name="connsiteY5" fmla="*/ 3474492 h 3474492"/>
              <a:gd name="connsiteX6" fmla="*/ 13387 w 2844528"/>
              <a:gd name="connsiteY6" fmla="*/ 1638222 h 3474492"/>
              <a:gd name="connsiteX7" fmla="*/ 13416 w 2844528"/>
              <a:gd name="connsiteY7" fmla="*/ 1638223 h 3474492"/>
              <a:gd name="connsiteX8" fmla="*/ 15345 w 2844528"/>
              <a:gd name="connsiteY8" fmla="*/ 1638413 h 3474492"/>
              <a:gd name="connsiteX9" fmla="*/ 2797587 w 2844528"/>
              <a:gd name="connsiteY9" fmla="*/ 3474492 h 3474492"/>
              <a:gd name="connsiteX10" fmla="*/ 1355246 w 2844528"/>
              <a:gd name="connsiteY10" fmla="*/ 3474492 h 3474492"/>
              <a:gd name="connsiteX11" fmla="*/ 1381623 w 2844528"/>
              <a:gd name="connsiteY11" fmla="*/ 3393036 h 3474492"/>
              <a:gd name="connsiteX12" fmla="*/ 1430715 w 2844528"/>
              <a:gd name="connsiteY12" fmla="*/ 3028869 h 3474492"/>
              <a:gd name="connsiteX13" fmla="*/ 299028 w 2844528"/>
              <a:gd name="connsiteY13" fmla="*/ 1666473 h 3474492"/>
              <a:gd name="connsiteX14" fmla="*/ 15345 w 2844528"/>
              <a:gd name="connsiteY14" fmla="*/ 1638413 h 3474492"/>
              <a:gd name="connsiteX15" fmla="*/ 15345 w 2844528"/>
              <a:gd name="connsiteY15" fmla="*/ 1638318 h 3474492"/>
              <a:gd name="connsiteX16" fmla="*/ 13416 w 2844528"/>
              <a:gd name="connsiteY16" fmla="*/ 1638223 h 3474492"/>
              <a:gd name="connsiteX17" fmla="*/ 13387 w 2844528"/>
              <a:gd name="connsiteY17" fmla="*/ 1638220 h 3474492"/>
              <a:gd name="connsiteX18" fmla="*/ 13387 w 2844528"/>
              <a:gd name="connsiteY18" fmla="*/ 1638222 h 3474492"/>
              <a:gd name="connsiteX19" fmla="*/ 7909 w 2844528"/>
              <a:gd name="connsiteY19" fmla="*/ 1638764 h 3474492"/>
              <a:gd name="connsiteX20" fmla="*/ 7909 w 2844528"/>
              <a:gd name="connsiteY20" fmla="*/ 1469 h 3474492"/>
              <a:gd name="connsiteX21" fmla="*/ 62728 w 2844528"/>
              <a:gd name="connsiteY21" fmla="*/ 0 h 3474492"/>
              <a:gd name="connsiteX22" fmla="*/ 2844528 w 2844528"/>
              <a:gd name="connsiteY22" fmla="*/ 2947027 h 3474492"/>
              <a:gd name="connsiteX23" fmla="*/ 2830166 w 2844528"/>
              <a:gd name="connsiteY23" fmla="*/ 3248343 h 34744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</a:cxnLst>
            <a:rect l="l" t="t" r="r" b="b"/>
            <a:pathLst>
              <a:path w="2844528" h="3474492">
                <a:moveTo>
                  <a:pt x="7909" y="3474492"/>
                </a:moveTo>
                <a:lnTo>
                  <a:pt x="0" y="3474492"/>
                </a:lnTo>
                <a:lnTo>
                  <a:pt x="0" y="1639546"/>
                </a:lnTo>
                <a:lnTo>
                  <a:pt x="7909" y="1638764"/>
                </a:lnTo>
                <a:close/>
                <a:moveTo>
                  <a:pt x="15345" y="3474492"/>
                </a:moveTo>
                <a:lnTo>
                  <a:pt x="13386" y="3474492"/>
                </a:lnTo>
                <a:lnTo>
                  <a:pt x="13387" y="1638222"/>
                </a:lnTo>
                <a:lnTo>
                  <a:pt x="13416" y="1638223"/>
                </a:lnTo>
                <a:lnTo>
                  <a:pt x="15345" y="1638413"/>
                </a:lnTo>
                <a:close/>
                <a:moveTo>
                  <a:pt x="2797587" y="3474492"/>
                </a:moveTo>
                <a:lnTo>
                  <a:pt x="1355246" y="3474492"/>
                </a:lnTo>
                <a:lnTo>
                  <a:pt x="1381623" y="3393036"/>
                </a:lnTo>
                <a:cubicBezTo>
                  <a:pt x="1413635" y="3276966"/>
                  <a:pt x="1430715" y="3154874"/>
                  <a:pt x="1430715" y="3028869"/>
                </a:cubicBezTo>
                <a:cubicBezTo>
                  <a:pt x="1430715" y="2356839"/>
                  <a:pt x="944881" y="1796146"/>
                  <a:pt x="299028" y="1666473"/>
                </a:cubicBezTo>
                <a:lnTo>
                  <a:pt x="15345" y="1638413"/>
                </a:lnTo>
                <a:lnTo>
                  <a:pt x="15345" y="1638318"/>
                </a:lnTo>
                <a:lnTo>
                  <a:pt x="13416" y="1638223"/>
                </a:lnTo>
                <a:lnTo>
                  <a:pt x="13387" y="1638220"/>
                </a:lnTo>
                <a:lnTo>
                  <a:pt x="13387" y="1638222"/>
                </a:lnTo>
                <a:lnTo>
                  <a:pt x="7909" y="1638764"/>
                </a:lnTo>
                <a:lnTo>
                  <a:pt x="7909" y="1469"/>
                </a:lnTo>
                <a:cubicBezTo>
                  <a:pt x="26129" y="188"/>
                  <a:pt x="44407" y="0"/>
                  <a:pt x="62728" y="0"/>
                </a:cubicBezTo>
                <a:cubicBezTo>
                  <a:pt x="1599073" y="0"/>
                  <a:pt x="2844528" y="1319429"/>
                  <a:pt x="2844528" y="2947027"/>
                </a:cubicBezTo>
                <a:cubicBezTo>
                  <a:pt x="2844528" y="3048751"/>
                  <a:pt x="2839663" y="3149273"/>
                  <a:pt x="2830166" y="3248343"/>
                </a:cubicBezTo>
                <a:close/>
              </a:path>
            </a:pathLst>
          </a:custGeom>
          <a:solidFill>
            <a:schemeClr val="accent1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wrap="square" rtlCol="0" anchor="ctr">
            <a:noAutofit/>
          </a:bodyPr>
          <a:lstStyle/>
          <a:p>
            <a:pPr marL="0" marR="0" lvl="0" indent="0" algn="ctr" defTabSz="685757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50" b="0" i="0" u="none" strike="noStrike" kern="0" cap="none" spc="0" normalizeH="0" baseline="0" noProof="0" dirty="0">
              <a:ln>
                <a:noFill/>
              </a:ln>
              <a:solidFill>
                <a:schemeClr val="accent3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F2B5E9BF-9640-4B24-9FBD-89C3B74ECC9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Subtitle">
            <a:extLst>
              <a:ext uri="{FF2B5EF4-FFF2-40B4-BE49-F238E27FC236}">
                <a16:creationId xmlns:a16="http://schemas.microsoft.com/office/drawing/2014/main" id="{93EDFF4C-7CCE-4CD4-BDD8-C24A402EBE0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4" name="MAIN HEADLINE">
            <a:extLst>
              <a:ext uri="{FF2B5EF4-FFF2-40B4-BE49-F238E27FC236}">
                <a16:creationId xmlns:a16="http://schemas.microsoft.com/office/drawing/2014/main" id="{5315A58C-FC5E-4453-AFCD-AF1E5CD773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16" name="Border">
            <a:extLst>
              <a:ext uri="{FF2B5EF4-FFF2-40B4-BE49-F238E27FC236}">
                <a16:creationId xmlns:a16="http://schemas.microsoft.com/office/drawing/2014/main" id="{357FE760-F2C0-44E1-9A51-E3FA981B97A3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775287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0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Shape">
            <a:extLst>
              <a:ext uri="{FF2B5EF4-FFF2-40B4-BE49-F238E27FC236}">
                <a16:creationId xmlns:a16="http://schemas.microsoft.com/office/drawing/2014/main" id="{01F5958F-871F-47BC-8016-21A30E210740}"/>
              </a:ext>
            </a:extLst>
          </p:cNvPr>
          <p:cNvSpPr/>
          <p:nvPr userDrawn="1"/>
        </p:nvSpPr>
        <p:spPr>
          <a:xfrm flipH="1">
            <a:off x="0" y="6771690"/>
            <a:ext cx="3416166" cy="3470861"/>
          </a:xfrm>
          <a:custGeom>
            <a:avLst/>
            <a:gdLst>
              <a:gd name="connsiteX0" fmla="*/ 3416166 w 3416166"/>
              <a:gd name="connsiteY0" fmla="*/ 0 h 3470861"/>
              <a:gd name="connsiteX1" fmla="*/ 1877874 w 3416166"/>
              <a:gd name="connsiteY1" fmla="*/ 0 h 3470861"/>
              <a:gd name="connsiteX2" fmla="*/ 1877874 w 3416166"/>
              <a:gd name="connsiteY2" fmla="*/ 517981 h 3470861"/>
              <a:gd name="connsiteX3" fmla="*/ 1854614 w 3416166"/>
              <a:gd name="connsiteY3" fmla="*/ 505354 h 3470861"/>
              <a:gd name="connsiteX4" fmla="*/ 1334980 w 3416166"/>
              <a:gd name="connsiteY4" fmla="*/ 400446 h 3470861"/>
              <a:gd name="connsiteX5" fmla="*/ 0 w 3416166"/>
              <a:gd name="connsiteY5" fmla="*/ 1735426 h 3470861"/>
              <a:gd name="connsiteX6" fmla="*/ 1334980 w 3416166"/>
              <a:gd name="connsiteY6" fmla="*/ 3070405 h 3470861"/>
              <a:gd name="connsiteX7" fmla="*/ 1854614 w 3416166"/>
              <a:gd name="connsiteY7" fmla="*/ 2965497 h 3470861"/>
              <a:gd name="connsiteX8" fmla="*/ 1877874 w 3416166"/>
              <a:gd name="connsiteY8" fmla="*/ 2952873 h 3470861"/>
              <a:gd name="connsiteX9" fmla="*/ 1877874 w 3416166"/>
              <a:gd name="connsiteY9" fmla="*/ 517985 h 3470861"/>
              <a:gd name="connsiteX10" fmla="*/ 2081378 w 3416166"/>
              <a:gd name="connsiteY10" fmla="*/ 628444 h 3470861"/>
              <a:gd name="connsiteX11" fmla="*/ 2669959 w 3416166"/>
              <a:gd name="connsiteY11" fmla="*/ 1735429 h 3470861"/>
              <a:gd name="connsiteX12" fmla="*/ 2081378 w 3416166"/>
              <a:gd name="connsiteY12" fmla="*/ 2842414 h 3470861"/>
              <a:gd name="connsiteX13" fmla="*/ 1877874 w 3416166"/>
              <a:gd name="connsiteY13" fmla="*/ 2952876 h 3470861"/>
              <a:gd name="connsiteX14" fmla="*/ 1877874 w 3416166"/>
              <a:gd name="connsiteY14" fmla="*/ 3470861 h 3470861"/>
              <a:gd name="connsiteX15" fmla="*/ 3416166 w 3416166"/>
              <a:gd name="connsiteY15" fmla="*/ 3470861 h 347086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3416166" h="3470861">
                <a:moveTo>
                  <a:pt x="3416166" y="0"/>
                </a:moveTo>
                <a:lnTo>
                  <a:pt x="1877874" y="0"/>
                </a:lnTo>
                <a:lnTo>
                  <a:pt x="1877874" y="517981"/>
                </a:lnTo>
                <a:lnTo>
                  <a:pt x="1854614" y="505354"/>
                </a:lnTo>
                <a:cubicBezTo>
                  <a:pt x="1694899" y="437801"/>
                  <a:pt x="1519301" y="400446"/>
                  <a:pt x="1334980" y="400446"/>
                </a:cubicBezTo>
                <a:cubicBezTo>
                  <a:pt x="597692" y="400446"/>
                  <a:pt x="0" y="998138"/>
                  <a:pt x="0" y="1735426"/>
                </a:cubicBezTo>
                <a:cubicBezTo>
                  <a:pt x="0" y="2472713"/>
                  <a:pt x="597692" y="3070405"/>
                  <a:pt x="1334980" y="3070405"/>
                </a:cubicBezTo>
                <a:cubicBezTo>
                  <a:pt x="1519301" y="3070405"/>
                  <a:pt x="1694899" y="3033050"/>
                  <a:pt x="1854614" y="2965497"/>
                </a:cubicBezTo>
                <a:lnTo>
                  <a:pt x="1877874" y="2952873"/>
                </a:lnTo>
                <a:lnTo>
                  <a:pt x="1877874" y="517985"/>
                </a:lnTo>
                <a:lnTo>
                  <a:pt x="2081378" y="628444"/>
                </a:lnTo>
                <a:cubicBezTo>
                  <a:pt x="2436486" y="868349"/>
                  <a:pt x="2669959" y="1274625"/>
                  <a:pt x="2669959" y="1735429"/>
                </a:cubicBezTo>
                <a:cubicBezTo>
                  <a:pt x="2669959" y="2196233"/>
                  <a:pt x="2436486" y="2602510"/>
                  <a:pt x="2081378" y="2842414"/>
                </a:cubicBezTo>
                <a:lnTo>
                  <a:pt x="1877874" y="2952876"/>
                </a:lnTo>
                <a:lnTo>
                  <a:pt x="1877874" y="3470861"/>
                </a:lnTo>
                <a:lnTo>
                  <a:pt x="3416166" y="3470861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2209">
              <a:ln>
                <a:noFill/>
              </a:ln>
            </a:endParaRPr>
          </a:p>
        </p:txBody>
      </p:sp>
      <p:sp>
        <p:nvSpPr>
          <p:cNvPr id="20" name="Main Text">
            <a:extLst>
              <a:ext uri="{FF2B5EF4-FFF2-40B4-BE49-F238E27FC236}">
                <a16:creationId xmlns:a16="http://schemas.microsoft.com/office/drawing/2014/main" id="{8FFD245F-C58C-4541-9F04-6321952193A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1" name="Subtitle">
            <a:extLst>
              <a:ext uri="{FF2B5EF4-FFF2-40B4-BE49-F238E27FC236}">
                <a16:creationId xmlns:a16="http://schemas.microsoft.com/office/drawing/2014/main" id="{B2EC6067-98F0-4123-B6C0-7860148DAB1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2" name="MAIN HEADLINE">
            <a:extLst>
              <a:ext uri="{FF2B5EF4-FFF2-40B4-BE49-F238E27FC236}">
                <a16:creationId xmlns:a16="http://schemas.microsoft.com/office/drawing/2014/main" id="{795FE58B-DF6F-4093-8192-0705A1E09FF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C10C2BCF-CD46-4FCF-A8C0-364D11D6BBAC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23045850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1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Shape">
            <a:extLst>
              <a:ext uri="{FF2B5EF4-FFF2-40B4-BE49-F238E27FC236}">
                <a16:creationId xmlns:a16="http://schemas.microsoft.com/office/drawing/2014/main" id="{2708A06C-4487-443A-926C-BB5F62124D05}"/>
              </a:ext>
            </a:extLst>
          </p:cNvPr>
          <p:cNvSpPr/>
          <p:nvPr userDrawn="1"/>
        </p:nvSpPr>
        <p:spPr>
          <a:xfrm rot="10800000" flipH="1" flipV="1">
            <a:off x="0" y="6151598"/>
            <a:ext cx="4476750" cy="4541801"/>
          </a:xfrm>
          <a:custGeom>
            <a:avLst/>
            <a:gdLst>
              <a:gd name="connsiteX0" fmla="*/ 3037925 w 3921124"/>
              <a:gd name="connsiteY0" fmla="*/ 1294138 h 3978102"/>
              <a:gd name="connsiteX1" fmla="*/ 3921124 w 3921124"/>
              <a:gd name="connsiteY1" fmla="*/ 1294138 h 3978102"/>
              <a:gd name="connsiteX2" fmla="*/ 3921124 w 3921124"/>
              <a:gd name="connsiteY2" fmla="*/ 3921116 h 3978102"/>
              <a:gd name="connsiteX3" fmla="*/ 3037925 w 3921124"/>
              <a:gd name="connsiteY3" fmla="*/ 3037914 h 3978102"/>
              <a:gd name="connsiteX4" fmla="*/ 0 w 3921124"/>
              <a:gd name="connsiteY4" fmla="*/ 0 h 3978102"/>
              <a:gd name="connsiteX5" fmla="*/ 3037919 w 3921124"/>
              <a:gd name="connsiteY5" fmla="*/ 3037920 h 3978102"/>
              <a:gd name="connsiteX6" fmla="*/ 3037919 w 3921124"/>
              <a:gd name="connsiteY6" fmla="*/ 3978102 h 3978102"/>
              <a:gd name="connsiteX7" fmla="*/ 0 w 3921124"/>
              <a:gd name="connsiteY7" fmla="*/ 3978102 h 39781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921124" h="3978102">
                <a:moveTo>
                  <a:pt x="3037925" y="1294138"/>
                </a:moveTo>
                <a:lnTo>
                  <a:pt x="3921124" y="1294138"/>
                </a:lnTo>
                <a:lnTo>
                  <a:pt x="3921124" y="3921116"/>
                </a:lnTo>
                <a:lnTo>
                  <a:pt x="3037925" y="3037914"/>
                </a:lnTo>
                <a:close/>
                <a:moveTo>
                  <a:pt x="0" y="0"/>
                </a:moveTo>
                <a:lnTo>
                  <a:pt x="3037919" y="3037920"/>
                </a:lnTo>
                <a:lnTo>
                  <a:pt x="3037919" y="3978102"/>
                </a:lnTo>
                <a:lnTo>
                  <a:pt x="0" y="3978102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>
            <a:noAutofit/>
          </a:bodyPr>
          <a:lstStyle/>
          <a:p>
            <a:endParaRPr sz="2399"/>
          </a:p>
        </p:txBody>
      </p:sp>
      <p:sp>
        <p:nvSpPr>
          <p:cNvPr id="24" name="Picture">
            <a:extLst>
              <a:ext uri="{FF2B5EF4-FFF2-40B4-BE49-F238E27FC236}">
                <a16:creationId xmlns:a16="http://schemas.microsoft.com/office/drawing/2014/main" id="{02BA7DFF-DCA9-4482-B4A5-546686331A0A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25" name="Main Text">
            <a:extLst>
              <a:ext uri="{FF2B5EF4-FFF2-40B4-BE49-F238E27FC236}">
                <a16:creationId xmlns:a16="http://schemas.microsoft.com/office/drawing/2014/main" id="{165A3F7D-1FB7-4C06-9354-B66EBD452AD4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6" name="Subtitle">
            <a:extLst>
              <a:ext uri="{FF2B5EF4-FFF2-40B4-BE49-F238E27FC236}">
                <a16:creationId xmlns:a16="http://schemas.microsoft.com/office/drawing/2014/main" id="{6BA820F5-CD06-4384-ADF3-74DCA4E84F4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7" name="MAIN HEADLINE">
            <a:extLst>
              <a:ext uri="{FF2B5EF4-FFF2-40B4-BE49-F238E27FC236}">
                <a16:creationId xmlns:a16="http://schemas.microsoft.com/office/drawing/2014/main" id="{491DDC29-E525-4946-B186-95AD0ACA4B38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96DCC153-4082-45F9-9359-538AFB2B7F6D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7577934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89" userDrawn="1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1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Shape">
            <a:extLst>
              <a:ext uri="{FF2B5EF4-FFF2-40B4-BE49-F238E27FC236}">
                <a16:creationId xmlns:a16="http://schemas.microsoft.com/office/drawing/2014/main" id="{1367D911-6332-49C7-BBCB-5831AD028EE3}"/>
              </a:ext>
            </a:extLst>
          </p:cNvPr>
          <p:cNvSpPr/>
          <p:nvPr userDrawn="1"/>
        </p:nvSpPr>
        <p:spPr>
          <a:xfrm rot="10800000" flipH="1" flipV="1">
            <a:off x="0" y="6151598"/>
            <a:ext cx="4476750" cy="4541801"/>
          </a:xfrm>
          <a:custGeom>
            <a:avLst/>
            <a:gdLst>
              <a:gd name="connsiteX0" fmla="*/ 3037925 w 3921124"/>
              <a:gd name="connsiteY0" fmla="*/ 1294138 h 3978102"/>
              <a:gd name="connsiteX1" fmla="*/ 3921124 w 3921124"/>
              <a:gd name="connsiteY1" fmla="*/ 1294138 h 3978102"/>
              <a:gd name="connsiteX2" fmla="*/ 3921124 w 3921124"/>
              <a:gd name="connsiteY2" fmla="*/ 3921116 h 3978102"/>
              <a:gd name="connsiteX3" fmla="*/ 3037925 w 3921124"/>
              <a:gd name="connsiteY3" fmla="*/ 3037914 h 3978102"/>
              <a:gd name="connsiteX4" fmla="*/ 0 w 3921124"/>
              <a:gd name="connsiteY4" fmla="*/ 0 h 3978102"/>
              <a:gd name="connsiteX5" fmla="*/ 3037919 w 3921124"/>
              <a:gd name="connsiteY5" fmla="*/ 3037920 h 3978102"/>
              <a:gd name="connsiteX6" fmla="*/ 3037919 w 3921124"/>
              <a:gd name="connsiteY6" fmla="*/ 3978102 h 3978102"/>
              <a:gd name="connsiteX7" fmla="*/ 0 w 3921124"/>
              <a:gd name="connsiteY7" fmla="*/ 3978102 h 39781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921124" h="3978102">
                <a:moveTo>
                  <a:pt x="3037925" y="1294138"/>
                </a:moveTo>
                <a:lnTo>
                  <a:pt x="3921124" y="1294138"/>
                </a:lnTo>
                <a:lnTo>
                  <a:pt x="3921124" y="3921116"/>
                </a:lnTo>
                <a:lnTo>
                  <a:pt x="3037925" y="3037914"/>
                </a:lnTo>
                <a:close/>
                <a:moveTo>
                  <a:pt x="0" y="0"/>
                </a:moveTo>
                <a:lnTo>
                  <a:pt x="3037919" y="3037920"/>
                </a:lnTo>
                <a:lnTo>
                  <a:pt x="3037919" y="3978102"/>
                </a:lnTo>
                <a:lnTo>
                  <a:pt x="0" y="397810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0" tIns="0" rIns="0" bIns="0" rtlCol="0">
            <a:noAutofit/>
          </a:bodyPr>
          <a:lstStyle/>
          <a:p>
            <a:endParaRPr sz="2399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E8AA01C7-3EB8-4CA6-BFBF-C3C0E7A5AE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Subtitle">
            <a:extLst>
              <a:ext uri="{FF2B5EF4-FFF2-40B4-BE49-F238E27FC236}">
                <a16:creationId xmlns:a16="http://schemas.microsoft.com/office/drawing/2014/main" id="{9CDA06D2-8BCA-48AA-A243-906CAC4981C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4" name="MAIN HEADLINE">
            <a:extLst>
              <a:ext uri="{FF2B5EF4-FFF2-40B4-BE49-F238E27FC236}">
                <a16:creationId xmlns:a16="http://schemas.microsoft.com/office/drawing/2014/main" id="{D000542E-5BC2-42E4-954E-785AF43B53F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26091041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1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Shape">
            <a:extLst>
              <a:ext uri="{FF2B5EF4-FFF2-40B4-BE49-F238E27FC236}">
                <a16:creationId xmlns:a16="http://schemas.microsoft.com/office/drawing/2014/main" id="{4D3ADE03-54D6-40EB-A64D-B32DB4075848}"/>
              </a:ext>
            </a:extLst>
          </p:cNvPr>
          <p:cNvSpPr/>
          <p:nvPr userDrawn="1"/>
        </p:nvSpPr>
        <p:spPr>
          <a:xfrm rot="10800000" flipH="1" flipV="1">
            <a:off x="0" y="6151598"/>
            <a:ext cx="4476750" cy="4541801"/>
          </a:xfrm>
          <a:custGeom>
            <a:avLst/>
            <a:gdLst>
              <a:gd name="connsiteX0" fmla="*/ 3037925 w 3921124"/>
              <a:gd name="connsiteY0" fmla="*/ 1294138 h 3978102"/>
              <a:gd name="connsiteX1" fmla="*/ 3921124 w 3921124"/>
              <a:gd name="connsiteY1" fmla="*/ 1294138 h 3978102"/>
              <a:gd name="connsiteX2" fmla="*/ 3921124 w 3921124"/>
              <a:gd name="connsiteY2" fmla="*/ 3921116 h 3978102"/>
              <a:gd name="connsiteX3" fmla="*/ 3037925 w 3921124"/>
              <a:gd name="connsiteY3" fmla="*/ 3037914 h 3978102"/>
              <a:gd name="connsiteX4" fmla="*/ 0 w 3921124"/>
              <a:gd name="connsiteY4" fmla="*/ 0 h 3978102"/>
              <a:gd name="connsiteX5" fmla="*/ 3037919 w 3921124"/>
              <a:gd name="connsiteY5" fmla="*/ 3037920 h 3978102"/>
              <a:gd name="connsiteX6" fmla="*/ 3037919 w 3921124"/>
              <a:gd name="connsiteY6" fmla="*/ 3978102 h 3978102"/>
              <a:gd name="connsiteX7" fmla="*/ 0 w 3921124"/>
              <a:gd name="connsiteY7" fmla="*/ 3978102 h 39781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921124" h="3978102">
                <a:moveTo>
                  <a:pt x="3037925" y="1294138"/>
                </a:moveTo>
                <a:lnTo>
                  <a:pt x="3921124" y="1294138"/>
                </a:lnTo>
                <a:lnTo>
                  <a:pt x="3921124" y="3921116"/>
                </a:lnTo>
                <a:lnTo>
                  <a:pt x="3037925" y="3037914"/>
                </a:lnTo>
                <a:close/>
                <a:moveTo>
                  <a:pt x="0" y="0"/>
                </a:moveTo>
                <a:lnTo>
                  <a:pt x="3037919" y="3037920"/>
                </a:lnTo>
                <a:lnTo>
                  <a:pt x="3037919" y="3978102"/>
                </a:lnTo>
                <a:lnTo>
                  <a:pt x="0" y="3978102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>
            <a:noAutofit/>
          </a:bodyPr>
          <a:lstStyle/>
          <a:p>
            <a:endParaRPr sz="2399"/>
          </a:p>
        </p:txBody>
      </p:sp>
      <p:sp>
        <p:nvSpPr>
          <p:cNvPr id="10" name="Picture">
            <a:extLst>
              <a:ext uri="{FF2B5EF4-FFF2-40B4-BE49-F238E27FC236}">
                <a16:creationId xmlns:a16="http://schemas.microsoft.com/office/drawing/2014/main" id="{B6183BB7-9A3D-435C-9F5F-99CCE5B66406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1" name="Main Text">
            <a:extLst>
              <a:ext uri="{FF2B5EF4-FFF2-40B4-BE49-F238E27FC236}">
                <a16:creationId xmlns:a16="http://schemas.microsoft.com/office/drawing/2014/main" id="{BD09107E-A346-4E98-B413-E33610790CE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2" name="Subtitle">
            <a:extLst>
              <a:ext uri="{FF2B5EF4-FFF2-40B4-BE49-F238E27FC236}">
                <a16:creationId xmlns:a16="http://schemas.microsoft.com/office/drawing/2014/main" id="{3DACA8BC-F4F5-41D1-A887-DDAEED95692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MAIN HEADLINE">
            <a:extLst>
              <a:ext uri="{FF2B5EF4-FFF2-40B4-BE49-F238E27FC236}">
                <a16:creationId xmlns:a16="http://schemas.microsoft.com/office/drawing/2014/main" id="{0E8F37A7-BCEA-48AC-B8E3-74AACF4524C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00A2FA04-5C3A-47F2-BB3E-AF62976F7639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7877194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1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hape">
            <a:extLst>
              <a:ext uri="{FF2B5EF4-FFF2-40B4-BE49-F238E27FC236}">
                <a16:creationId xmlns:a16="http://schemas.microsoft.com/office/drawing/2014/main" id="{2BCF45ED-7CDF-4566-9E1E-B2EFA69911E9}"/>
              </a:ext>
            </a:extLst>
          </p:cNvPr>
          <p:cNvSpPr/>
          <p:nvPr userDrawn="1"/>
        </p:nvSpPr>
        <p:spPr>
          <a:xfrm rot="10800000" flipH="1" flipV="1">
            <a:off x="0" y="6151598"/>
            <a:ext cx="4476750" cy="4541801"/>
          </a:xfrm>
          <a:custGeom>
            <a:avLst/>
            <a:gdLst>
              <a:gd name="connsiteX0" fmla="*/ 3037925 w 3921124"/>
              <a:gd name="connsiteY0" fmla="*/ 1294138 h 3978102"/>
              <a:gd name="connsiteX1" fmla="*/ 3921124 w 3921124"/>
              <a:gd name="connsiteY1" fmla="*/ 1294138 h 3978102"/>
              <a:gd name="connsiteX2" fmla="*/ 3921124 w 3921124"/>
              <a:gd name="connsiteY2" fmla="*/ 3921116 h 3978102"/>
              <a:gd name="connsiteX3" fmla="*/ 3037925 w 3921124"/>
              <a:gd name="connsiteY3" fmla="*/ 3037914 h 3978102"/>
              <a:gd name="connsiteX4" fmla="*/ 0 w 3921124"/>
              <a:gd name="connsiteY4" fmla="*/ 0 h 3978102"/>
              <a:gd name="connsiteX5" fmla="*/ 3037919 w 3921124"/>
              <a:gd name="connsiteY5" fmla="*/ 3037920 h 3978102"/>
              <a:gd name="connsiteX6" fmla="*/ 3037919 w 3921124"/>
              <a:gd name="connsiteY6" fmla="*/ 3978102 h 3978102"/>
              <a:gd name="connsiteX7" fmla="*/ 0 w 3921124"/>
              <a:gd name="connsiteY7" fmla="*/ 3978102 h 39781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3921124" h="3978102">
                <a:moveTo>
                  <a:pt x="3037925" y="1294138"/>
                </a:moveTo>
                <a:lnTo>
                  <a:pt x="3921124" y="1294138"/>
                </a:lnTo>
                <a:lnTo>
                  <a:pt x="3921124" y="3921116"/>
                </a:lnTo>
                <a:lnTo>
                  <a:pt x="3037925" y="3037914"/>
                </a:lnTo>
                <a:close/>
                <a:moveTo>
                  <a:pt x="0" y="0"/>
                </a:moveTo>
                <a:lnTo>
                  <a:pt x="3037919" y="3037920"/>
                </a:lnTo>
                <a:lnTo>
                  <a:pt x="3037919" y="3978102"/>
                </a:lnTo>
                <a:lnTo>
                  <a:pt x="0" y="3978102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>
            <a:noAutofit/>
          </a:bodyPr>
          <a:lstStyle/>
          <a:p>
            <a:endParaRPr sz="2399"/>
          </a:p>
        </p:txBody>
      </p:sp>
      <p:sp>
        <p:nvSpPr>
          <p:cNvPr id="9" name="Main Text">
            <a:extLst>
              <a:ext uri="{FF2B5EF4-FFF2-40B4-BE49-F238E27FC236}">
                <a16:creationId xmlns:a16="http://schemas.microsoft.com/office/drawing/2014/main" id="{7859F712-1686-4EB5-BAEC-16FFB77C543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0" name="Subtitle">
            <a:extLst>
              <a:ext uri="{FF2B5EF4-FFF2-40B4-BE49-F238E27FC236}">
                <a16:creationId xmlns:a16="http://schemas.microsoft.com/office/drawing/2014/main" id="{DAAA77B1-476D-42CD-A2B2-33C4876E1F4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1" name="MAIN HEADLINE">
            <a:extLst>
              <a:ext uri="{FF2B5EF4-FFF2-40B4-BE49-F238E27FC236}">
                <a16:creationId xmlns:a16="http://schemas.microsoft.com/office/drawing/2014/main" id="{262A30A0-D2A0-423D-B652-EC22E912758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D2F72831-62D9-4EEB-B7BB-2A98AFCBD7A6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9416161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2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1AAA96A3-2A41-45EE-AF7A-F5A77D8BCDAC}"/>
              </a:ext>
            </a:extLst>
          </p:cNvPr>
          <p:cNvSpPr/>
          <p:nvPr userDrawn="1"/>
        </p:nvSpPr>
        <p:spPr>
          <a:xfrm>
            <a:off x="4842808" y="0"/>
            <a:ext cx="2717192" cy="3974143"/>
          </a:xfrm>
          <a:custGeom>
            <a:avLst/>
            <a:gdLst>
              <a:gd name="connsiteX0" fmla="*/ 730712 w 2717192"/>
              <a:gd name="connsiteY0" fmla="*/ 0 h 3974143"/>
              <a:gd name="connsiteX1" fmla="*/ 730437 w 2717192"/>
              <a:gd name="connsiteY1" fmla="*/ 27185 h 3974143"/>
              <a:gd name="connsiteX2" fmla="*/ 2216627 w 2717192"/>
              <a:gd name="connsiteY2" fmla="*/ 1885053 h 3974143"/>
              <a:gd name="connsiteX3" fmla="*/ 2617800 w 2717192"/>
              <a:gd name="connsiteY3" fmla="*/ 1950342 h 3974143"/>
              <a:gd name="connsiteX4" fmla="*/ 2717192 w 2717192"/>
              <a:gd name="connsiteY4" fmla="*/ 1951348 h 3974143"/>
              <a:gd name="connsiteX5" fmla="*/ 2717192 w 2717192"/>
              <a:gd name="connsiteY5" fmla="*/ 3974143 h 3974143"/>
              <a:gd name="connsiteX6" fmla="*/ 2560047 w 2717192"/>
              <a:gd name="connsiteY6" fmla="*/ 3924502 h 3974143"/>
              <a:gd name="connsiteX7" fmla="*/ 6969 w 2717192"/>
              <a:gd name="connsiteY7" fmla="*/ 29947 h 3974143"/>
              <a:gd name="connsiteX8" fmla="*/ 10287 w 2717192"/>
              <a:gd name="connsiteY8" fmla="*/ 1 h 397414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2717192" h="3974143">
                <a:moveTo>
                  <a:pt x="730712" y="0"/>
                </a:moveTo>
                <a:lnTo>
                  <a:pt x="730437" y="27185"/>
                </a:lnTo>
                <a:cubicBezTo>
                  <a:pt x="764429" y="881937"/>
                  <a:pt x="1346877" y="1652004"/>
                  <a:pt x="2216627" y="1885053"/>
                </a:cubicBezTo>
                <a:cubicBezTo>
                  <a:pt x="2350435" y="1920907"/>
                  <a:pt x="2484708" y="1942352"/>
                  <a:pt x="2617800" y="1950342"/>
                </a:cubicBezTo>
                <a:lnTo>
                  <a:pt x="2717192" y="1951348"/>
                </a:lnTo>
                <a:lnTo>
                  <a:pt x="2717192" y="3974143"/>
                </a:lnTo>
                <a:lnTo>
                  <a:pt x="2560047" y="3924502"/>
                </a:lnTo>
                <a:cubicBezTo>
                  <a:pt x="930269" y="3328887"/>
                  <a:pt x="-95015" y="1728876"/>
                  <a:pt x="6969" y="29947"/>
                </a:cubicBezTo>
                <a:lnTo>
                  <a:pt x="10287" y="1"/>
                </a:lnTo>
                <a:close/>
              </a:path>
            </a:pathLst>
          </a:custGeom>
          <a:solidFill>
            <a:srgbClr val="AFC2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Picture">
            <a:extLst>
              <a:ext uri="{FF2B5EF4-FFF2-40B4-BE49-F238E27FC236}">
                <a16:creationId xmlns:a16="http://schemas.microsoft.com/office/drawing/2014/main" id="{81812A36-42C8-42F4-B67F-5D6E349E5B9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4" name="Main Text">
            <a:extLst>
              <a:ext uri="{FF2B5EF4-FFF2-40B4-BE49-F238E27FC236}">
                <a16:creationId xmlns:a16="http://schemas.microsoft.com/office/drawing/2014/main" id="{2F6CFB53-CDD8-404D-B18E-9041876E30C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CA29892E-2446-4645-A985-951F551F380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2DF4F285-422B-4121-9EDA-A001B6EB0C8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016FAD58-0BBE-4FF2-B8E9-1C96FD97D47F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7287119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2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D6D37874-890B-4432-BFB5-0E3E03C1DAF3}"/>
              </a:ext>
            </a:extLst>
          </p:cNvPr>
          <p:cNvSpPr/>
          <p:nvPr userDrawn="1"/>
        </p:nvSpPr>
        <p:spPr>
          <a:xfrm>
            <a:off x="4842808" y="0"/>
            <a:ext cx="2717192" cy="3974143"/>
          </a:xfrm>
          <a:custGeom>
            <a:avLst/>
            <a:gdLst>
              <a:gd name="connsiteX0" fmla="*/ 730712 w 2717192"/>
              <a:gd name="connsiteY0" fmla="*/ 0 h 3974143"/>
              <a:gd name="connsiteX1" fmla="*/ 730437 w 2717192"/>
              <a:gd name="connsiteY1" fmla="*/ 27185 h 3974143"/>
              <a:gd name="connsiteX2" fmla="*/ 2216627 w 2717192"/>
              <a:gd name="connsiteY2" fmla="*/ 1885053 h 3974143"/>
              <a:gd name="connsiteX3" fmla="*/ 2617800 w 2717192"/>
              <a:gd name="connsiteY3" fmla="*/ 1950342 h 3974143"/>
              <a:gd name="connsiteX4" fmla="*/ 2717192 w 2717192"/>
              <a:gd name="connsiteY4" fmla="*/ 1951348 h 3974143"/>
              <a:gd name="connsiteX5" fmla="*/ 2717192 w 2717192"/>
              <a:gd name="connsiteY5" fmla="*/ 3974143 h 3974143"/>
              <a:gd name="connsiteX6" fmla="*/ 2560047 w 2717192"/>
              <a:gd name="connsiteY6" fmla="*/ 3924502 h 3974143"/>
              <a:gd name="connsiteX7" fmla="*/ 6969 w 2717192"/>
              <a:gd name="connsiteY7" fmla="*/ 29947 h 3974143"/>
              <a:gd name="connsiteX8" fmla="*/ 10287 w 2717192"/>
              <a:gd name="connsiteY8" fmla="*/ 1 h 397414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2717192" h="3974143">
                <a:moveTo>
                  <a:pt x="730712" y="0"/>
                </a:moveTo>
                <a:lnTo>
                  <a:pt x="730437" y="27185"/>
                </a:lnTo>
                <a:cubicBezTo>
                  <a:pt x="764429" y="881937"/>
                  <a:pt x="1346877" y="1652004"/>
                  <a:pt x="2216627" y="1885053"/>
                </a:cubicBezTo>
                <a:cubicBezTo>
                  <a:pt x="2350435" y="1920907"/>
                  <a:pt x="2484708" y="1942352"/>
                  <a:pt x="2617800" y="1950342"/>
                </a:cubicBezTo>
                <a:lnTo>
                  <a:pt x="2717192" y="1951348"/>
                </a:lnTo>
                <a:lnTo>
                  <a:pt x="2717192" y="3974143"/>
                </a:lnTo>
                <a:lnTo>
                  <a:pt x="2560047" y="3924502"/>
                </a:lnTo>
                <a:cubicBezTo>
                  <a:pt x="930269" y="3328887"/>
                  <a:pt x="-95015" y="1728876"/>
                  <a:pt x="6969" y="29947"/>
                </a:cubicBezTo>
                <a:lnTo>
                  <a:pt x="10287" y="1"/>
                </a:lnTo>
                <a:close/>
              </a:path>
            </a:pathLst>
          </a:custGeom>
          <a:solidFill>
            <a:srgbClr val="AFC2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Main Text">
            <a:extLst>
              <a:ext uri="{FF2B5EF4-FFF2-40B4-BE49-F238E27FC236}">
                <a16:creationId xmlns:a16="http://schemas.microsoft.com/office/drawing/2014/main" id="{EDD58FF6-C779-4205-B043-3B4B6C17BAD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42627CA3-F62B-4B7E-8EDA-4EFFCA47BA7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2649F736-7FF1-4A24-A4A0-F45A300BE70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B45FFC77-AD3C-48CD-AFD7-BBF7809FFA51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2710572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2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C7F3AC80-D1E6-4991-B584-ECD2437796B1}"/>
              </a:ext>
            </a:extLst>
          </p:cNvPr>
          <p:cNvSpPr/>
          <p:nvPr userDrawn="1"/>
        </p:nvSpPr>
        <p:spPr>
          <a:xfrm>
            <a:off x="4842808" y="0"/>
            <a:ext cx="2717192" cy="3974143"/>
          </a:xfrm>
          <a:custGeom>
            <a:avLst/>
            <a:gdLst>
              <a:gd name="connsiteX0" fmla="*/ 730712 w 2717192"/>
              <a:gd name="connsiteY0" fmla="*/ 0 h 3974143"/>
              <a:gd name="connsiteX1" fmla="*/ 730437 w 2717192"/>
              <a:gd name="connsiteY1" fmla="*/ 27185 h 3974143"/>
              <a:gd name="connsiteX2" fmla="*/ 2216627 w 2717192"/>
              <a:gd name="connsiteY2" fmla="*/ 1885053 h 3974143"/>
              <a:gd name="connsiteX3" fmla="*/ 2617800 w 2717192"/>
              <a:gd name="connsiteY3" fmla="*/ 1950342 h 3974143"/>
              <a:gd name="connsiteX4" fmla="*/ 2717192 w 2717192"/>
              <a:gd name="connsiteY4" fmla="*/ 1951348 h 3974143"/>
              <a:gd name="connsiteX5" fmla="*/ 2717192 w 2717192"/>
              <a:gd name="connsiteY5" fmla="*/ 3974143 h 3974143"/>
              <a:gd name="connsiteX6" fmla="*/ 2560047 w 2717192"/>
              <a:gd name="connsiteY6" fmla="*/ 3924502 h 3974143"/>
              <a:gd name="connsiteX7" fmla="*/ 6969 w 2717192"/>
              <a:gd name="connsiteY7" fmla="*/ 29947 h 3974143"/>
              <a:gd name="connsiteX8" fmla="*/ 10287 w 2717192"/>
              <a:gd name="connsiteY8" fmla="*/ 1 h 397414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2717192" h="3974143">
                <a:moveTo>
                  <a:pt x="730712" y="0"/>
                </a:moveTo>
                <a:lnTo>
                  <a:pt x="730437" y="27185"/>
                </a:lnTo>
                <a:cubicBezTo>
                  <a:pt x="764429" y="881937"/>
                  <a:pt x="1346877" y="1652004"/>
                  <a:pt x="2216627" y="1885053"/>
                </a:cubicBezTo>
                <a:cubicBezTo>
                  <a:pt x="2350435" y="1920907"/>
                  <a:pt x="2484708" y="1942352"/>
                  <a:pt x="2617800" y="1950342"/>
                </a:cubicBezTo>
                <a:lnTo>
                  <a:pt x="2717192" y="1951348"/>
                </a:lnTo>
                <a:lnTo>
                  <a:pt x="2717192" y="3974143"/>
                </a:lnTo>
                <a:lnTo>
                  <a:pt x="2560047" y="3924502"/>
                </a:lnTo>
                <a:cubicBezTo>
                  <a:pt x="930269" y="3328887"/>
                  <a:pt x="-95015" y="1728876"/>
                  <a:pt x="6969" y="29947"/>
                </a:cubicBezTo>
                <a:lnTo>
                  <a:pt x="10287" y="1"/>
                </a:lnTo>
                <a:close/>
              </a:path>
            </a:pathLst>
          </a:custGeom>
          <a:solidFill>
            <a:srgbClr val="AFC2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Picture">
            <a:extLst>
              <a:ext uri="{FF2B5EF4-FFF2-40B4-BE49-F238E27FC236}">
                <a16:creationId xmlns:a16="http://schemas.microsoft.com/office/drawing/2014/main" id="{4AAAC949-C85D-4E3F-AC13-35D177C8DE15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3" name="Main Text">
            <a:extLst>
              <a:ext uri="{FF2B5EF4-FFF2-40B4-BE49-F238E27FC236}">
                <a16:creationId xmlns:a16="http://schemas.microsoft.com/office/drawing/2014/main" id="{0139103B-6A1B-4857-9C7E-9E646CA51DC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FA53B82A-60AB-4A95-AD9E-B7F080716CA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MAIN HEADLINE">
            <a:extLst>
              <a:ext uri="{FF2B5EF4-FFF2-40B4-BE49-F238E27FC236}">
                <a16:creationId xmlns:a16="http://schemas.microsoft.com/office/drawing/2014/main" id="{036D0407-DA42-49F7-9000-71C58D97597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77855943-A0D1-4DDE-B50E-37A264D842DF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5973750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2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58D9E99E-9B72-4041-96F2-2C61CDCF7FAA}"/>
              </a:ext>
            </a:extLst>
          </p:cNvPr>
          <p:cNvSpPr/>
          <p:nvPr userDrawn="1"/>
        </p:nvSpPr>
        <p:spPr>
          <a:xfrm>
            <a:off x="4842808" y="0"/>
            <a:ext cx="2717192" cy="3974143"/>
          </a:xfrm>
          <a:custGeom>
            <a:avLst/>
            <a:gdLst>
              <a:gd name="connsiteX0" fmla="*/ 730712 w 2717192"/>
              <a:gd name="connsiteY0" fmla="*/ 0 h 3974143"/>
              <a:gd name="connsiteX1" fmla="*/ 730437 w 2717192"/>
              <a:gd name="connsiteY1" fmla="*/ 27185 h 3974143"/>
              <a:gd name="connsiteX2" fmla="*/ 2216627 w 2717192"/>
              <a:gd name="connsiteY2" fmla="*/ 1885053 h 3974143"/>
              <a:gd name="connsiteX3" fmla="*/ 2617800 w 2717192"/>
              <a:gd name="connsiteY3" fmla="*/ 1950342 h 3974143"/>
              <a:gd name="connsiteX4" fmla="*/ 2717192 w 2717192"/>
              <a:gd name="connsiteY4" fmla="*/ 1951348 h 3974143"/>
              <a:gd name="connsiteX5" fmla="*/ 2717192 w 2717192"/>
              <a:gd name="connsiteY5" fmla="*/ 3974143 h 3974143"/>
              <a:gd name="connsiteX6" fmla="*/ 2560047 w 2717192"/>
              <a:gd name="connsiteY6" fmla="*/ 3924502 h 3974143"/>
              <a:gd name="connsiteX7" fmla="*/ 6969 w 2717192"/>
              <a:gd name="connsiteY7" fmla="*/ 29947 h 3974143"/>
              <a:gd name="connsiteX8" fmla="*/ 10287 w 2717192"/>
              <a:gd name="connsiteY8" fmla="*/ 1 h 397414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2717192" h="3974143">
                <a:moveTo>
                  <a:pt x="730712" y="0"/>
                </a:moveTo>
                <a:lnTo>
                  <a:pt x="730437" y="27185"/>
                </a:lnTo>
                <a:cubicBezTo>
                  <a:pt x="764429" y="881937"/>
                  <a:pt x="1346877" y="1652004"/>
                  <a:pt x="2216627" y="1885053"/>
                </a:cubicBezTo>
                <a:cubicBezTo>
                  <a:pt x="2350435" y="1920907"/>
                  <a:pt x="2484708" y="1942352"/>
                  <a:pt x="2617800" y="1950342"/>
                </a:cubicBezTo>
                <a:lnTo>
                  <a:pt x="2717192" y="1951348"/>
                </a:lnTo>
                <a:lnTo>
                  <a:pt x="2717192" y="3974143"/>
                </a:lnTo>
                <a:lnTo>
                  <a:pt x="2560047" y="3924502"/>
                </a:lnTo>
                <a:cubicBezTo>
                  <a:pt x="930269" y="3328887"/>
                  <a:pt x="-95015" y="1728876"/>
                  <a:pt x="6969" y="29947"/>
                </a:cubicBezTo>
                <a:lnTo>
                  <a:pt x="10287" y="1"/>
                </a:lnTo>
                <a:close/>
              </a:path>
            </a:pathLst>
          </a:custGeom>
          <a:solidFill>
            <a:srgbClr val="AFC2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Main Text">
            <a:extLst>
              <a:ext uri="{FF2B5EF4-FFF2-40B4-BE49-F238E27FC236}">
                <a16:creationId xmlns:a16="http://schemas.microsoft.com/office/drawing/2014/main" id="{8853E04E-4F39-4637-83D5-865BA59D8A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831A5B1F-D118-45D4-BD8D-A0F81FCB12B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E1C8BADA-8937-45D8-97F6-BB5FBC919F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736D1542-0640-4A00-933D-FADE8A31312E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4898498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3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ECCF8682-A2FD-4680-9A35-C7F5B843C9F5}"/>
              </a:ext>
            </a:extLst>
          </p:cNvPr>
          <p:cNvSpPr/>
          <p:nvPr userDrawn="1"/>
        </p:nvSpPr>
        <p:spPr>
          <a:xfrm rot="5400000" flipH="1">
            <a:off x="-236161" y="6576002"/>
            <a:ext cx="4353560" cy="3881236"/>
          </a:xfrm>
          <a:custGeom>
            <a:avLst/>
            <a:gdLst>
              <a:gd name="connsiteX0" fmla="*/ 4493537 w 4493537"/>
              <a:gd name="connsiteY0" fmla="*/ 1646833 h 4006027"/>
              <a:gd name="connsiteX1" fmla="*/ 2134342 w 4493537"/>
              <a:gd name="connsiteY1" fmla="*/ 4006027 h 4006027"/>
              <a:gd name="connsiteX2" fmla="*/ 0 w 4493537"/>
              <a:gd name="connsiteY2" fmla="*/ 4006027 h 4006027"/>
              <a:gd name="connsiteX3" fmla="*/ 0 w 4493537"/>
              <a:gd name="connsiteY3" fmla="*/ 653563 h 4006027"/>
              <a:gd name="connsiteX4" fmla="*/ 81688 w 4493537"/>
              <a:gd name="connsiteY4" fmla="*/ 588546 h 4006027"/>
              <a:gd name="connsiteX5" fmla="*/ 218875 w 4493537"/>
              <a:gd name="connsiteY5" fmla="*/ 491538 h 4006027"/>
              <a:gd name="connsiteX6" fmla="*/ 361679 w 4493537"/>
              <a:gd name="connsiteY6" fmla="*/ 402306 h 4006027"/>
              <a:gd name="connsiteX7" fmla="*/ 509798 w 4493537"/>
              <a:gd name="connsiteY7" fmla="*/ 321160 h 4006027"/>
              <a:gd name="connsiteX8" fmla="*/ 662917 w 4493537"/>
              <a:gd name="connsiteY8" fmla="*/ 248404 h 4006027"/>
              <a:gd name="connsiteX9" fmla="*/ 820728 w 4493537"/>
              <a:gd name="connsiteY9" fmla="*/ 184353 h 4006027"/>
              <a:gd name="connsiteX10" fmla="*/ 982924 w 4493537"/>
              <a:gd name="connsiteY10" fmla="*/ 129304 h 4006027"/>
              <a:gd name="connsiteX11" fmla="*/ 1149201 w 4493537"/>
              <a:gd name="connsiteY11" fmla="*/ 83579 h 4006027"/>
              <a:gd name="connsiteX12" fmla="*/ 1319244 w 4493537"/>
              <a:gd name="connsiteY12" fmla="*/ 47475 h 4006027"/>
              <a:gd name="connsiteX13" fmla="*/ 1492748 w 4493537"/>
              <a:gd name="connsiteY13" fmla="*/ 21302 h 4006027"/>
              <a:gd name="connsiteX14" fmla="*/ 1669407 w 4493537"/>
              <a:gd name="connsiteY14" fmla="*/ 5378 h 4006027"/>
              <a:gd name="connsiteX15" fmla="*/ 1848907 w 4493537"/>
              <a:gd name="connsiteY15" fmla="*/ 0 h 4006027"/>
              <a:gd name="connsiteX16" fmla="*/ 2040845 w 4493537"/>
              <a:gd name="connsiteY16" fmla="*/ 6154 h 4006027"/>
              <a:gd name="connsiteX17" fmla="*/ 2229498 w 4493537"/>
              <a:gd name="connsiteY17" fmla="*/ 24364 h 4006027"/>
              <a:gd name="connsiteX18" fmla="*/ 2414484 w 4493537"/>
              <a:gd name="connsiteY18" fmla="*/ 54251 h 4006027"/>
              <a:gd name="connsiteX19" fmla="*/ 2595432 w 4493537"/>
              <a:gd name="connsiteY19" fmla="*/ 95442 h 4006027"/>
              <a:gd name="connsiteX20" fmla="*/ 2771960 w 4493537"/>
              <a:gd name="connsiteY20" fmla="*/ 147552 h 4006027"/>
              <a:gd name="connsiteX21" fmla="*/ 2943696 w 4493537"/>
              <a:gd name="connsiteY21" fmla="*/ 210204 h 4006027"/>
              <a:gd name="connsiteX22" fmla="*/ 3110260 w 4493537"/>
              <a:gd name="connsiteY22" fmla="*/ 283023 h 4006027"/>
              <a:gd name="connsiteX23" fmla="*/ 3271278 w 4493537"/>
              <a:gd name="connsiteY23" fmla="*/ 365632 h 4006027"/>
              <a:gd name="connsiteX24" fmla="*/ 3426370 w 4493537"/>
              <a:gd name="connsiteY24" fmla="*/ 457650 h 4006027"/>
              <a:gd name="connsiteX25" fmla="*/ 3575163 w 4493537"/>
              <a:gd name="connsiteY25" fmla="*/ 558696 h 4006027"/>
              <a:gd name="connsiteX26" fmla="*/ 3717281 w 4493537"/>
              <a:gd name="connsiteY26" fmla="*/ 668399 h 4006027"/>
              <a:gd name="connsiteX27" fmla="*/ 3852347 w 4493537"/>
              <a:gd name="connsiteY27" fmla="*/ 786373 h 4006027"/>
              <a:gd name="connsiteX28" fmla="*/ 3979980 w 4493537"/>
              <a:gd name="connsiteY28" fmla="*/ 912249 h 4006027"/>
              <a:gd name="connsiteX29" fmla="*/ 4099811 w 4493537"/>
              <a:gd name="connsiteY29" fmla="*/ 1045640 h 4006027"/>
              <a:gd name="connsiteX30" fmla="*/ 4211457 w 4493537"/>
              <a:gd name="connsiteY30" fmla="*/ 1186173 h 4006027"/>
              <a:gd name="connsiteX31" fmla="*/ 4314543 w 4493537"/>
              <a:gd name="connsiteY31" fmla="*/ 1333467 h 4006027"/>
              <a:gd name="connsiteX32" fmla="*/ 4408698 w 4493537"/>
              <a:gd name="connsiteY32" fmla="*/ 1487146 h 40060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493537" h="4006027">
                <a:moveTo>
                  <a:pt x="4493537" y="1646833"/>
                </a:moveTo>
                <a:lnTo>
                  <a:pt x="2134342" y="4006027"/>
                </a:lnTo>
                <a:lnTo>
                  <a:pt x="0" y="4006027"/>
                </a:lnTo>
                <a:lnTo>
                  <a:pt x="0" y="653563"/>
                </a:lnTo>
                <a:lnTo>
                  <a:pt x="81688" y="588546"/>
                </a:lnTo>
                <a:lnTo>
                  <a:pt x="218875" y="491538"/>
                </a:lnTo>
                <a:lnTo>
                  <a:pt x="361679" y="402306"/>
                </a:lnTo>
                <a:lnTo>
                  <a:pt x="509798" y="321160"/>
                </a:lnTo>
                <a:lnTo>
                  <a:pt x="662917" y="248404"/>
                </a:lnTo>
                <a:lnTo>
                  <a:pt x="820728" y="184353"/>
                </a:lnTo>
                <a:lnTo>
                  <a:pt x="982924" y="129304"/>
                </a:lnTo>
                <a:lnTo>
                  <a:pt x="1149201" y="83579"/>
                </a:lnTo>
                <a:lnTo>
                  <a:pt x="1319244" y="47475"/>
                </a:lnTo>
                <a:lnTo>
                  <a:pt x="1492748" y="21302"/>
                </a:lnTo>
                <a:lnTo>
                  <a:pt x="1669407" y="5378"/>
                </a:lnTo>
                <a:lnTo>
                  <a:pt x="1848907" y="0"/>
                </a:lnTo>
                <a:lnTo>
                  <a:pt x="2040845" y="6154"/>
                </a:lnTo>
                <a:lnTo>
                  <a:pt x="2229498" y="24364"/>
                </a:lnTo>
                <a:lnTo>
                  <a:pt x="2414484" y="54251"/>
                </a:lnTo>
                <a:lnTo>
                  <a:pt x="2595432" y="95442"/>
                </a:lnTo>
                <a:lnTo>
                  <a:pt x="2771960" y="147552"/>
                </a:lnTo>
                <a:lnTo>
                  <a:pt x="2943696" y="210204"/>
                </a:lnTo>
                <a:lnTo>
                  <a:pt x="3110260" y="283023"/>
                </a:lnTo>
                <a:lnTo>
                  <a:pt x="3271278" y="365632"/>
                </a:lnTo>
                <a:lnTo>
                  <a:pt x="3426370" y="457650"/>
                </a:lnTo>
                <a:lnTo>
                  <a:pt x="3575163" y="558696"/>
                </a:lnTo>
                <a:lnTo>
                  <a:pt x="3717281" y="668399"/>
                </a:lnTo>
                <a:lnTo>
                  <a:pt x="3852347" y="786373"/>
                </a:lnTo>
                <a:lnTo>
                  <a:pt x="3979980" y="912249"/>
                </a:lnTo>
                <a:lnTo>
                  <a:pt x="4099811" y="1045640"/>
                </a:lnTo>
                <a:lnTo>
                  <a:pt x="4211457" y="1186173"/>
                </a:lnTo>
                <a:lnTo>
                  <a:pt x="4314543" y="1333467"/>
                </a:lnTo>
                <a:lnTo>
                  <a:pt x="4408698" y="1487146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Picture">
            <a:extLst>
              <a:ext uri="{FF2B5EF4-FFF2-40B4-BE49-F238E27FC236}">
                <a16:creationId xmlns:a16="http://schemas.microsoft.com/office/drawing/2014/main" id="{1E31CD18-2F69-4C39-AA4B-69E77F806D9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73186810-2B35-49FA-AD97-7AFF328262B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Subtitle">
            <a:extLst>
              <a:ext uri="{FF2B5EF4-FFF2-40B4-BE49-F238E27FC236}">
                <a16:creationId xmlns:a16="http://schemas.microsoft.com/office/drawing/2014/main" id="{6297A712-3B71-47DD-8CDE-84F84E2E8AA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4" name="MAIN HEADLINE">
            <a:extLst>
              <a:ext uri="{FF2B5EF4-FFF2-40B4-BE49-F238E27FC236}">
                <a16:creationId xmlns:a16="http://schemas.microsoft.com/office/drawing/2014/main" id="{99423E5B-D11A-41CC-A9DC-9BC6AE12409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9" name="Border">
            <a:extLst>
              <a:ext uri="{FF2B5EF4-FFF2-40B4-BE49-F238E27FC236}">
                <a16:creationId xmlns:a16="http://schemas.microsoft.com/office/drawing/2014/main" id="{CB603C51-96F8-4FEC-BA37-7A16B3FCD4C6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491585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2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C5BAC849-13AC-48F5-980B-45A3733DC98F}"/>
              </a:ext>
            </a:extLst>
          </p:cNvPr>
          <p:cNvSpPr/>
          <p:nvPr userDrawn="1"/>
        </p:nvSpPr>
        <p:spPr>
          <a:xfrm>
            <a:off x="-1" y="5679487"/>
            <a:ext cx="4868535" cy="5013913"/>
          </a:xfrm>
          <a:custGeom>
            <a:avLst/>
            <a:gdLst>
              <a:gd name="connsiteX0" fmla="*/ 1914142 w 4868535"/>
              <a:gd name="connsiteY0" fmla="*/ 0 h 5013913"/>
              <a:gd name="connsiteX1" fmla="*/ 1914143 w 4868535"/>
              <a:gd name="connsiteY1" fmla="*/ 3009741 h 5013913"/>
              <a:gd name="connsiteX2" fmla="*/ 4868535 w 4868535"/>
              <a:gd name="connsiteY2" fmla="*/ 3009743 h 5013913"/>
              <a:gd name="connsiteX3" fmla="*/ 2770849 w 4868535"/>
              <a:gd name="connsiteY3" fmla="*/ 5013912 h 5013913"/>
              <a:gd name="connsiteX4" fmla="*/ 0 w 4868535"/>
              <a:gd name="connsiteY4" fmla="*/ 5013913 h 5013913"/>
              <a:gd name="connsiteX5" fmla="*/ 0 w 4868535"/>
              <a:gd name="connsiteY5" fmla="*/ 1828809 h 50139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868535" h="5013913">
                <a:moveTo>
                  <a:pt x="1914142" y="0"/>
                </a:moveTo>
                <a:lnTo>
                  <a:pt x="1914143" y="3009741"/>
                </a:lnTo>
                <a:lnTo>
                  <a:pt x="4868535" y="3009743"/>
                </a:lnTo>
                <a:lnTo>
                  <a:pt x="2770849" y="5013912"/>
                </a:lnTo>
                <a:lnTo>
                  <a:pt x="0" y="5013913"/>
                </a:lnTo>
                <a:lnTo>
                  <a:pt x="0" y="1828809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Main Text">
            <a:extLst>
              <a:ext uri="{FF2B5EF4-FFF2-40B4-BE49-F238E27FC236}">
                <a16:creationId xmlns:a16="http://schemas.microsoft.com/office/drawing/2014/main" id="{4A1F723B-9C93-4033-9F83-71581A8E8F9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9" name="Subtitle">
            <a:extLst>
              <a:ext uri="{FF2B5EF4-FFF2-40B4-BE49-F238E27FC236}">
                <a16:creationId xmlns:a16="http://schemas.microsoft.com/office/drawing/2014/main" id="{1218CE19-9192-4660-9B55-D06B4C35570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MAIN HEADLINE">
            <a:extLst>
              <a:ext uri="{FF2B5EF4-FFF2-40B4-BE49-F238E27FC236}">
                <a16:creationId xmlns:a16="http://schemas.microsoft.com/office/drawing/2014/main" id="{33C46247-3A8A-4594-A56A-584032AC732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35297480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3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DA2C6AA3-5626-464F-A43C-564106CE6765}"/>
              </a:ext>
            </a:extLst>
          </p:cNvPr>
          <p:cNvSpPr/>
          <p:nvPr userDrawn="1"/>
        </p:nvSpPr>
        <p:spPr>
          <a:xfrm rot="5400000" flipH="1">
            <a:off x="-236161" y="6576002"/>
            <a:ext cx="4353560" cy="3881236"/>
          </a:xfrm>
          <a:custGeom>
            <a:avLst/>
            <a:gdLst>
              <a:gd name="connsiteX0" fmla="*/ 4493537 w 4493537"/>
              <a:gd name="connsiteY0" fmla="*/ 1646833 h 4006027"/>
              <a:gd name="connsiteX1" fmla="*/ 2134342 w 4493537"/>
              <a:gd name="connsiteY1" fmla="*/ 4006027 h 4006027"/>
              <a:gd name="connsiteX2" fmla="*/ 0 w 4493537"/>
              <a:gd name="connsiteY2" fmla="*/ 4006027 h 4006027"/>
              <a:gd name="connsiteX3" fmla="*/ 0 w 4493537"/>
              <a:gd name="connsiteY3" fmla="*/ 653563 h 4006027"/>
              <a:gd name="connsiteX4" fmla="*/ 81688 w 4493537"/>
              <a:gd name="connsiteY4" fmla="*/ 588546 h 4006027"/>
              <a:gd name="connsiteX5" fmla="*/ 218875 w 4493537"/>
              <a:gd name="connsiteY5" fmla="*/ 491538 h 4006027"/>
              <a:gd name="connsiteX6" fmla="*/ 361679 w 4493537"/>
              <a:gd name="connsiteY6" fmla="*/ 402306 h 4006027"/>
              <a:gd name="connsiteX7" fmla="*/ 509798 w 4493537"/>
              <a:gd name="connsiteY7" fmla="*/ 321160 h 4006027"/>
              <a:gd name="connsiteX8" fmla="*/ 662917 w 4493537"/>
              <a:gd name="connsiteY8" fmla="*/ 248404 h 4006027"/>
              <a:gd name="connsiteX9" fmla="*/ 820728 w 4493537"/>
              <a:gd name="connsiteY9" fmla="*/ 184353 h 4006027"/>
              <a:gd name="connsiteX10" fmla="*/ 982924 w 4493537"/>
              <a:gd name="connsiteY10" fmla="*/ 129304 h 4006027"/>
              <a:gd name="connsiteX11" fmla="*/ 1149201 w 4493537"/>
              <a:gd name="connsiteY11" fmla="*/ 83579 h 4006027"/>
              <a:gd name="connsiteX12" fmla="*/ 1319244 w 4493537"/>
              <a:gd name="connsiteY12" fmla="*/ 47475 h 4006027"/>
              <a:gd name="connsiteX13" fmla="*/ 1492748 w 4493537"/>
              <a:gd name="connsiteY13" fmla="*/ 21302 h 4006027"/>
              <a:gd name="connsiteX14" fmla="*/ 1669407 w 4493537"/>
              <a:gd name="connsiteY14" fmla="*/ 5378 h 4006027"/>
              <a:gd name="connsiteX15" fmla="*/ 1848907 w 4493537"/>
              <a:gd name="connsiteY15" fmla="*/ 0 h 4006027"/>
              <a:gd name="connsiteX16" fmla="*/ 2040845 w 4493537"/>
              <a:gd name="connsiteY16" fmla="*/ 6154 h 4006027"/>
              <a:gd name="connsiteX17" fmla="*/ 2229498 w 4493537"/>
              <a:gd name="connsiteY17" fmla="*/ 24364 h 4006027"/>
              <a:gd name="connsiteX18" fmla="*/ 2414484 w 4493537"/>
              <a:gd name="connsiteY18" fmla="*/ 54251 h 4006027"/>
              <a:gd name="connsiteX19" fmla="*/ 2595432 w 4493537"/>
              <a:gd name="connsiteY19" fmla="*/ 95442 h 4006027"/>
              <a:gd name="connsiteX20" fmla="*/ 2771960 w 4493537"/>
              <a:gd name="connsiteY20" fmla="*/ 147552 h 4006027"/>
              <a:gd name="connsiteX21" fmla="*/ 2943696 w 4493537"/>
              <a:gd name="connsiteY21" fmla="*/ 210204 h 4006027"/>
              <a:gd name="connsiteX22" fmla="*/ 3110260 w 4493537"/>
              <a:gd name="connsiteY22" fmla="*/ 283023 h 4006027"/>
              <a:gd name="connsiteX23" fmla="*/ 3271278 w 4493537"/>
              <a:gd name="connsiteY23" fmla="*/ 365632 h 4006027"/>
              <a:gd name="connsiteX24" fmla="*/ 3426370 w 4493537"/>
              <a:gd name="connsiteY24" fmla="*/ 457650 h 4006027"/>
              <a:gd name="connsiteX25" fmla="*/ 3575163 w 4493537"/>
              <a:gd name="connsiteY25" fmla="*/ 558696 h 4006027"/>
              <a:gd name="connsiteX26" fmla="*/ 3717281 w 4493537"/>
              <a:gd name="connsiteY26" fmla="*/ 668399 h 4006027"/>
              <a:gd name="connsiteX27" fmla="*/ 3852347 w 4493537"/>
              <a:gd name="connsiteY27" fmla="*/ 786373 h 4006027"/>
              <a:gd name="connsiteX28" fmla="*/ 3979980 w 4493537"/>
              <a:gd name="connsiteY28" fmla="*/ 912249 h 4006027"/>
              <a:gd name="connsiteX29" fmla="*/ 4099811 w 4493537"/>
              <a:gd name="connsiteY29" fmla="*/ 1045640 h 4006027"/>
              <a:gd name="connsiteX30" fmla="*/ 4211457 w 4493537"/>
              <a:gd name="connsiteY30" fmla="*/ 1186173 h 4006027"/>
              <a:gd name="connsiteX31" fmla="*/ 4314543 w 4493537"/>
              <a:gd name="connsiteY31" fmla="*/ 1333467 h 4006027"/>
              <a:gd name="connsiteX32" fmla="*/ 4408698 w 4493537"/>
              <a:gd name="connsiteY32" fmla="*/ 1487146 h 40060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493537" h="4006027">
                <a:moveTo>
                  <a:pt x="4493537" y="1646833"/>
                </a:moveTo>
                <a:lnTo>
                  <a:pt x="2134342" y="4006027"/>
                </a:lnTo>
                <a:lnTo>
                  <a:pt x="0" y="4006027"/>
                </a:lnTo>
                <a:lnTo>
                  <a:pt x="0" y="653563"/>
                </a:lnTo>
                <a:lnTo>
                  <a:pt x="81688" y="588546"/>
                </a:lnTo>
                <a:lnTo>
                  <a:pt x="218875" y="491538"/>
                </a:lnTo>
                <a:lnTo>
                  <a:pt x="361679" y="402306"/>
                </a:lnTo>
                <a:lnTo>
                  <a:pt x="509798" y="321160"/>
                </a:lnTo>
                <a:lnTo>
                  <a:pt x="662917" y="248404"/>
                </a:lnTo>
                <a:lnTo>
                  <a:pt x="820728" y="184353"/>
                </a:lnTo>
                <a:lnTo>
                  <a:pt x="982924" y="129304"/>
                </a:lnTo>
                <a:lnTo>
                  <a:pt x="1149201" y="83579"/>
                </a:lnTo>
                <a:lnTo>
                  <a:pt x="1319244" y="47475"/>
                </a:lnTo>
                <a:lnTo>
                  <a:pt x="1492748" y="21302"/>
                </a:lnTo>
                <a:lnTo>
                  <a:pt x="1669407" y="5378"/>
                </a:lnTo>
                <a:lnTo>
                  <a:pt x="1848907" y="0"/>
                </a:lnTo>
                <a:lnTo>
                  <a:pt x="2040845" y="6154"/>
                </a:lnTo>
                <a:lnTo>
                  <a:pt x="2229498" y="24364"/>
                </a:lnTo>
                <a:lnTo>
                  <a:pt x="2414484" y="54251"/>
                </a:lnTo>
                <a:lnTo>
                  <a:pt x="2595432" y="95442"/>
                </a:lnTo>
                <a:lnTo>
                  <a:pt x="2771960" y="147552"/>
                </a:lnTo>
                <a:lnTo>
                  <a:pt x="2943696" y="210204"/>
                </a:lnTo>
                <a:lnTo>
                  <a:pt x="3110260" y="283023"/>
                </a:lnTo>
                <a:lnTo>
                  <a:pt x="3271278" y="365632"/>
                </a:lnTo>
                <a:lnTo>
                  <a:pt x="3426370" y="457650"/>
                </a:lnTo>
                <a:lnTo>
                  <a:pt x="3575163" y="558696"/>
                </a:lnTo>
                <a:lnTo>
                  <a:pt x="3717281" y="668399"/>
                </a:lnTo>
                <a:lnTo>
                  <a:pt x="3852347" y="786373"/>
                </a:lnTo>
                <a:lnTo>
                  <a:pt x="3979980" y="912249"/>
                </a:lnTo>
                <a:lnTo>
                  <a:pt x="4099811" y="1045640"/>
                </a:lnTo>
                <a:lnTo>
                  <a:pt x="4211457" y="1186173"/>
                </a:lnTo>
                <a:lnTo>
                  <a:pt x="4314543" y="1333467"/>
                </a:lnTo>
                <a:lnTo>
                  <a:pt x="4408698" y="1487146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4" name="Main Text">
            <a:extLst>
              <a:ext uri="{FF2B5EF4-FFF2-40B4-BE49-F238E27FC236}">
                <a16:creationId xmlns:a16="http://schemas.microsoft.com/office/drawing/2014/main" id="{53E3A257-F584-47E7-A635-25E35BFD6D0F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9D84CDEB-B3AF-40CE-9928-4CD06B712C1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FC96F4E0-33B7-4CA0-B22A-D5BB7A387E9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DC44A693-3D58-4BFA-AE50-89C4D8606328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0459798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3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AD4B8116-1948-4D4A-9CC5-079AACA520BE}"/>
              </a:ext>
            </a:extLst>
          </p:cNvPr>
          <p:cNvSpPr/>
          <p:nvPr userDrawn="1"/>
        </p:nvSpPr>
        <p:spPr>
          <a:xfrm rot="5400000" flipH="1">
            <a:off x="-236161" y="6576002"/>
            <a:ext cx="4353560" cy="3881236"/>
          </a:xfrm>
          <a:custGeom>
            <a:avLst/>
            <a:gdLst>
              <a:gd name="connsiteX0" fmla="*/ 4493537 w 4493537"/>
              <a:gd name="connsiteY0" fmla="*/ 1646833 h 4006027"/>
              <a:gd name="connsiteX1" fmla="*/ 2134342 w 4493537"/>
              <a:gd name="connsiteY1" fmla="*/ 4006027 h 4006027"/>
              <a:gd name="connsiteX2" fmla="*/ 0 w 4493537"/>
              <a:gd name="connsiteY2" fmla="*/ 4006027 h 4006027"/>
              <a:gd name="connsiteX3" fmla="*/ 0 w 4493537"/>
              <a:gd name="connsiteY3" fmla="*/ 653563 h 4006027"/>
              <a:gd name="connsiteX4" fmla="*/ 81688 w 4493537"/>
              <a:gd name="connsiteY4" fmla="*/ 588546 h 4006027"/>
              <a:gd name="connsiteX5" fmla="*/ 218875 w 4493537"/>
              <a:gd name="connsiteY5" fmla="*/ 491538 h 4006027"/>
              <a:gd name="connsiteX6" fmla="*/ 361679 w 4493537"/>
              <a:gd name="connsiteY6" fmla="*/ 402306 h 4006027"/>
              <a:gd name="connsiteX7" fmla="*/ 509798 w 4493537"/>
              <a:gd name="connsiteY7" fmla="*/ 321160 h 4006027"/>
              <a:gd name="connsiteX8" fmla="*/ 662917 w 4493537"/>
              <a:gd name="connsiteY8" fmla="*/ 248404 h 4006027"/>
              <a:gd name="connsiteX9" fmla="*/ 820728 w 4493537"/>
              <a:gd name="connsiteY9" fmla="*/ 184353 h 4006027"/>
              <a:gd name="connsiteX10" fmla="*/ 982924 w 4493537"/>
              <a:gd name="connsiteY10" fmla="*/ 129304 h 4006027"/>
              <a:gd name="connsiteX11" fmla="*/ 1149201 w 4493537"/>
              <a:gd name="connsiteY11" fmla="*/ 83579 h 4006027"/>
              <a:gd name="connsiteX12" fmla="*/ 1319244 w 4493537"/>
              <a:gd name="connsiteY12" fmla="*/ 47475 h 4006027"/>
              <a:gd name="connsiteX13" fmla="*/ 1492748 w 4493537"/>
              <a:gd name="connsiteY13" fmla="*/ 21302 h 4006027"/>
              <a:gd name="connsiteX14" fmla="*/ 1669407 w 4493537"/>
              <a:gd name="connsiteY14" fmla="*/ 5378 h 4006027"/>
              <a:gd name="connsiteX15" fmla="*/ 1848907 w 4493537"/>
              <a:gd name="connsiteY15" fmla="*/ 0 h 4006027"/>
              <a:gd name="connsiteX16" fmla="*/ 2040845 w 4493537"/>
              <a:gd name="connsiteY16" fmla="*/ 6154 h 4006027"/>
              <a:gd name="connsiteX17" fmla="*/ 2229498 w 4493537"/>
              <a:gd name="connsiteY17" fmla="*/ 24364 h 4006027"/>
              <a:gd name="connsiteX18" fmla="*/ 2414484 w 4493537"/>
              <a:gd name="connsiteY18" fmla="*/ 54251 h 4006027"/>
              <a:gd name="connsiteX19" fmla="*/ 2595432 w 4493537"/>
              <a:gd name="connsiteY19" fmla="*/ 95442 h 4006027"/>
              <a:gd name="connsiteX20" fmla="*/ 2771960 w 4493537"/>
              <a:gd name="connsiteY20" fmla="*/ 147552 h 4006027"/>
              <a:gd name="connsiteX21" fmla="*/ 2943696 w 4493537"/>
              <a:gd name="connsiteY21" fmla="*/ 210204 h 4006027"/>
              <a:gd name="connsiteX22" fmla="*/ 3110260 w 4493537"/>
              <a:gd name="connsiteY22" fmla="*/ 283023 h 4006027"/>
              <a:gd name="connsiteX23" fmla="*/ 3271278 w 4493537"/>
              <a:gd name="connsiteY23" fmla="*/ 365632 h 4006027"/>
              <a:gd name="connsiteX24" fmla="*/ 3426370 w 4493537"/>
              <a:gd name="connsiteY24" fmla="*/ 457650 h 4006027"/>
              <a:gd name="connsiteX25" fmla="*/ 3575163 w 4493537"/>
              <a:gd name="connsiteY25" fmla="*/ 558696 h 4006027"/>
              <a:gd name="connsiteX26" fmla="*/ 3717281 w 4493537"/>
              <a:gd name="connsiteY26" fmla="*/ 668399 h 4006027"/>
              <a:gd name="connsiteX27" fmla="*/ 3852347 w 4493537"/>
              <a:gd name="connsiteY27" fmla="*/ 786373 h 4006027"/>
              <a:gd name="connsiteX28" fmla="*/ 3979980 w 4493537"/>
              <a:gd name="connsiteY28" fmla="*/ 912249 h 4006027"/>
              <a:gd name="connsiteX29" fmla="*/ 4099811 w 4493537"/>
              <a:gd name="connsiteY29" fmla="*/ 1045640 h 4006027"/>
              <a:gd name="connsiteX30" fmla="*/ 4211457 w 4493537"/>
              <a:gd name="connsiteY30" fmla="*/ 1186173 h 4006027"/>
              <a:gd name="connsiteX31" fmla="*/ 4314543 w 4493537"/>
              <a:gd name="connsiteY31" fmla="*/ 1333467 h 4006027"/>
              <a:gd name="connsiteX32" fmla="*/ 4408698 w 4493537"/>
              <a:gd name="connsiteY32" fmla="*/ 1487146 h 40060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493537" h="4006027">
                <a:moveTo>
                  <a:pt x="4493537" y="1646833"/>
                </a:moveTo>
                <a:lnTo>
                  <a:pt x="2134342" y="4006027"/>
                </a:lnTo>
                <a:lnTo>
                  <a:pt x="0" y="4006027"/>
                </a:lnTo>
                <a:lnTo>
                  <a:pt x="0" y="653563"/>
                </a:lnTo>
                <a:lnTo>
                  <a:pt x="81688" y="588546"/>
                </a:lnTo>
                <a:lnTo>
                  <a:pt x="218875" y="491538"/>
                </a:lnTo>
                <a:lnTo>
                  <a:pt x="361679" y="402306"/>
                </a:lnTo>
                <a:lnTo>
                  <a:pt x="509798" y="321160"/>
                </a:lnTo>
                <a:lnTo>
                  <a:pt x="662917" y="248404"/>
                </a:lnTo>
                <a:lnTo>
                  <a:pt x="820728" y="184353"/>
                </a:lnTo>
                <a:lnTo>
                  <a:pt x="982924" y="129304"/>
                </a:lnTo>
                <a:lnTo>
                  <a:pt x="1149201" y="83579"/>
                </a:lnTo>
                <a:lnTo>
                  <a:pt x="1319244" y="47475"/>
                </a:lnTo>
                <a:lnTo>
                  <a:pt x="1492748" y="21302"/>
                </a:lnTo>
                <a:lnTo>
                  <a:pt x="1669407" y="5378"/>
                </a:lnTo>
                <a:lnTo>
                  <a:pt x="1848907" y="0"/>
                </a:lnTo>
                <a:lnTo>
                  <a:pt x="2040845" y="6154"/>
                </a:lnTo>
                <a:lnTo>
                  <a:pt x="2229498" y="24364"/>
                </a:lnTo>
                <a:lnTo>
                  <a:pt x="2414484" y="54251"/>
                </a:lnTo>
                <a:lnTo>
                  <a:pt x="2595432" y="95442"/>
                </a:lnTo>
                <a:lnTo>
                  <a:pt x="2771960" y="147552"/>
                </a:lnTo>
                <a:lnTo>
                  <a:pt x="2943696" y="210204"/>
                </a:lnTo>
                <a:lnTo>
                  <a:pt x="3110260" y="283023"/>
                </a:lnTo>
                <a:lnTo>
                  <a:pt x="3271278" y="365632"/>
                </a:lnTo>
                <a:lnTo>
                  <a:pt x="3426370" y="457650"/>
                </a:lnTo>
                <a:lnTo>
                  <a:pt x="3575163" y="558696"/>
                </a:lnTo>
                <a:lnTo>
                  <a:pt x="3717281" y="668399"/>
                </a:lnTo>
                <a:lnTo>
                  <a:pt x="3852347" y="786373"/>
                </a:lnTo>
                <a:lnTo>
                  <a:pt x="3979980" y="912249"/>
                </a:lnTo>
                <a:lnTo>
                  <a:pt x="4099811" y="1045640"/>
                </a:lnTo>
                <a:lnTo>
                  <a:pt x="4211457" y="1186173"/>
                </a:lnTo>
                <a:lnTo>
                  <a:pt x="4314543" y="1333467"/>
                </a:lnTo>
                <a:lnTo>
                  <a:pt x="4408698" y="1487146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9" name="Picture">
            <a:extLst>
              <a:ext uri="{FF2B5EF4-FFF2-40B4-BE49-F238E27FC236}">
                <a16:creationId xmlns:a16="http://schemas.microsoft.com/office/drawing/2014/main" id="{8782DD69-F367-4B81-8BD0-429C0EE30A0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0" name="Main Text">
            <a:extLst>
              <a:ext uri="{FF2B5EF4-FFF2-40B4-BE49-F238E27FC236}">
                <a16:creationId xmlns:a16="http://schemas.microsoft.com/office/drawing/2014/main" id="{07C666CE-08C9-455F-8D37-760A7965C28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Subtitle">
            <a:extLst>
              <a:ext uri="{FF2B5EF4-FFF2-40B4-BE49-F238E27FC236}">
                <a16:creationId xmlns:a16="http://schemas.microsoft.com/office/drawing/2014/main" id="{0E06B5CB-3CBE-4D29-BC90-AE2D7AA1DFB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MAIN HEADLINE">
            <a:extLst>
              <a:ext uri="{FF2B5EF4-FFF2-40B4-BE49-F238E27FC236}">
                <a16:creationId xmlns:a16="http://schemas.microsoft.com/office/drawing/2014/main" id="{5B2F9EBF-30E3-4E5D-B8B9-7FC1DFB5F0B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11" name="Border">
            <a:extLst>
              <a:ext uri="{FF2B5EF4-FFF2-40B4-BE49-F238E27FC236}">
                <a16:creationId xmlns:a16="http://schemas.microsoft.com/office/drawing/2014/main" id="{E04E574C-1D18-48D7-A563-AF715A32C32D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6860567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3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BD8E55A6-B489-477C-A5F5-D9F97F99BC79}"/>
              </a:ext>
            </a:extLst>
          </p:cNvPr>
          <p:cNvSpPr/>
          <p:nvPr userDrawn="1"/>
        </p:nvSpPr>
        <p:spPr>
          <a:xfrm rot="5400000" flipH="1">
            <a:off x="-236161" y="6576002"/>
            <a:ext cx="4353560" cy="3881236"/>
          </a:xfrm>
          <a:custGeom>
            <a:avLst/>
            <a:gdLst>
              <a:gd name="connsiteX0" fmla="*/ 4493537 w 4493537"/>
              <a:gd name="connsiteY0" fmla="*/ 1646833 h 4006027"/>
              <a:gd name="connsiteX1" fmla="*/ 2134342 w 4493537"/>
              <a:gd name="connsiteY1" fmla="*/ 4006027 h 4006027"/>
              <a:gd name="connsiteX2" fmla="*/ 0 w 4493537"/>
              <a:gd name="connsiteY2" fmla="*/ 4006027 h 4006027"/>
              <a:gd name="connsiteX3" fmla="*/ 0 w 4493537"/>
              <a:gd name="connsiteY3" fmla="*/ 653563 h 4006027"/>
              <a:gd name="connsiteX4" fmla="*/ 81688 w 4493537"/>
              <a:gd name="connsiteY4" fmla="*/ 588546 h 4006027"/>
              <a:gd name="connsiteX5" fmla="*/ 218875 w 4493537"/>
              <a:gd name="connsiteY5" fmla="*/ 491538 h 4006027"/>
              <a:gd name="connsiteX6" fmla="*/ 361679 w 4493537"/>
              <a:gd name="connsiteY6" fmla="*/ 402306 h 4006027"/>
              <a:gd name="connsiteX7" fmla="*/ 509798 w 4493537"/>
              <a:gd name="connsiteY7" fmla="*/ 321160 h 4006027"/>
              <a:gd name="connsiteX8" fmla="*/ 662917 w 4493537"/>
              <a:gd name="connsiteY8" fmla="*/ 248404 h 4006027"/>
              <a:gd name="connsiteX9" fmla="*/ 820728 w 4493537"/>
              <a:gd name="connsiteY9" fmla="*/ 184353 h 4006027"/>
              <a:gd name="connsiteX10" fmla="*/ 982924 w 4493537"/>
              <a:gd name="connsiteY10" fmla="*/ 129304 h 4006027"/>
              <a:gd name="connsiteX11" fmla="*/ 1149201 w 4493537"/>
              <a:gd name="connsiteY11" fmla="*/ 83579 h 4006027"/>
              <a:gd name="connsiteX12" fmla="*/ 1319244 w 4493537"/>
              <a:gd name="connsiteY12" fmla="*/ 47475 h 4006027"/>
              <a:gd name="connsiteX13" fmla="*/ 1492748 w 4493537"/>
              <a:gd name="connsiteY13" fmla="*/ 21302 h 4006027"/>
              <a:gd name="connsiteX14" fmla="*/ 1669407 w 4493537"/>
              <a:gd name="connsiteY14" fmla="*/ 5378 h 4006027"/>
              <a:gd name="connsiteX15" fmla="*/ 1848907 w 4493537"/>
              <a:gd name="connsiteY15" fmla="*/ 0 h 4006027"/>
              <a:gd name="connsiteX16" fmla="*/ 2040845 w 4493537"/>
              <a:gd name="connsiteY16" fmla="*/ 6154 h 4006027"/>
              <a:gd name="connsiteX17" fmla="*/ 2229498 w 4493537"/>
              <a:gd name="connsiteY17" fmla="*/ 24364 h 4006027"/>
              <a:gd name="connsiteX18" fmla="*/ 2414484 w 4493537"/>
              <a:gd name="connsiteY18" fmla="*/ 54251 h 4006027"/>
              <a:gd name="connsiteX19" fmla="*/ 2595432 w 4493537"/>
              <a:gd name="connsiteY19" fmla="*/ 95442 h 4006027"/>
              <a:gd name="connsiteX20" fmla="*/ 2771960 w 4493537"/>
              <a:gd name="connsiteY20" fmla="*/ 147552 h 4006027"/>
              <a:gd name="connsiteX21" fmla="*/ 2943696 w 4493537"/>
              <a:gd name="connsiteY21" fmla="*/ 210204 h 4006027"/>
              <a:gd name="connsiteX22" fmla="*/ 3110260 w 4493537"/>
              <a:gd name="connsiteY22" fmla="*/ 283023 h 4006027"/>
              <a:gd name="connsiteX23" fmla="*/ 3271278 w 4493537"/>
              <a:gd name="connsiteY23" fmla="*/ 365632 h 4006027"/>
              <a:gd name="connsiteX24" fmla="*/ 3426370 w 4493537"/>
              <a:gd name="connsiteY24" fmla="*/ 457650 h 4006027"/>
              <a:gd name="connsiteX25" fmla="*/ 3575163 w 4493537"/>
              <a:gd name="connsiteY25" fmla="*/ 558696 h 4006027"/>
              <a:gd name="connsiteX26" fmla="*/ 3717281 w 4493537"/>
              <a:gd name="connsiteY26" fmla="*/ 668399 h 4006027"/>
              <a:gd name="connsiteX27" fmla="*/ 3852347 w 4493537"/>
              <a:gd name="connsiteY27" fmla="*/ 786373 h 4006027"/>
              <a:gd name="connsiteX28" fmla="*/ 3979980 w 4493537"/>
              <a:gd name="connsiteY28" fmla="*/ 912249 h 4006027"/>
              <a:gd name="connsiteX29" fmla="*/ 4099811 w 4493537"/>
              <a:gd name="connsiteY29" fmla="*/ 1045640 h 4006027"/>
              <a:gd name="connsiteX30" fmla="*/ 4211457 w 4493537"/>
              <a:gd name="connsiteY30" fmla="*/ 1186173 h 4006027"/>
              <a:gd name="connsiteX31" fmla="*/ 4314543 w 4493537"/>
              <a:gd name="connsiteY31" fmla="*/ 1333467 h 4006027"/>
              <a:gd name="connsiteX32" fmla="*/ 4408698 w 4493537"/>
              <a:gd name="connsiteY32" fmla="*/ 1487146 h 40060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4493537" h="4006027">
                <a:moveTo>
                  <a:pt x="4493537" y="1646833"/>
                </a:moveTo>
                <a:lnTo>
                  <a:pt x="2134342" y="4006027"/>
                </a:lnTo>
                <a:lnTo>
                  <a:pt x="0" y="4006027"/>
                </a:lnTo>
                <a:lnTo>
                  <a:pt x="0" y="653563"/>
                </a:lnTo>
                <a:lnTo>
                  <a:pt x="81688" y="588546"/>
                </a:lnTo>
                <a:lnTo>
                  <a:pt x="218875" y="491538"/>
                </a:lnTo>
                <a:lnTo>
                  <a:pt x="361679" y="402306"/>
                </a:lnTo>
                <a:lnTo>
                  <a:pt x="509798" y="321160"/>
                </a:lnTo>
                <a:lnTo>
                  <a:pt x="662917" y="248404"/>
                </a:lnTo>
                <a:lnTo>
                  <a:pt x="820728" y="184353"/>
                </a:lnTo>
                <a:lnTo>
                  <a:pt x="982924" y="129304"/>
                </a:lnTo>
                <a:lnTo>
                  <a:pt x="1149201" y="83579"/>
                </a:lnTo>
                <a:lnTo>
                  <a:pt x="1319244" y="47475"/>
                </a:lnTo>
                <a:lnTo>
                  <a:pt x="1492748" y="21302"/>
                </a:lnTo>
                <a:lnTo>
                  <a:pt x="1669407" y="5378"/>
                </a:lnTo>
                <a:lnTo>
                  <a:pt x="1848907" y="0"/>
                </a:lnTo>
                <a:lnTo>
                  <a:pt x="2040845" y="6154"/>
                </a:lnTo>
                <a:lnTo>
                  <a:pt x="2229498" y="24364"/>
                </a:lnTo>
                <a:lnTo>
                  <a:pt x="2414484" y="54251"/>
                </a:lnTo>
                <a:lnTo>
                  <a:pt x="2595432" y="95442"/>
                </a:lnTo>
                <a:lnTo>
                  <a:pt x="2771960" y="147552"/>
                </a:lnTo>
                <a:lnTo>
                  <a:pt x="2943696" y="210204"/>
                </a:lnTo>
                <a:lnTo>
                  <a:pt x="3110260" y="283023"/>
                </a:lnTo>
                <a:lnTo>
                  <a:pt x="3271278" y="365632"/>
                </a:lnTo>
                <a:lnTo>
                  <a:pt x="3426370" y="457650"/>
                </a:lnTo>
                <a:lnTo>
                  <a:pt x="3575163" y="558696"/>
                </a:lnTo>
                <a:lnTo>
                  <a:pt x="3717281" y="668399"/>
                </a:lnTo>
                <a:lnTo>
                  <a:pt x="3852347" y="786373"/>
                </a:lnTo>
                <a:lnTo>
                  <a:pt x="3979980" y="912249"/>
                </a:lnTo>
                <a:lnTo>
                  <a:pt x="4099811" y="1045640"/>
                </a:lnTo>
                <a:lnTo>
                  <a:pt x="4211457" y="1186173"/>
                </a:lnTo>
                <a:lnTo>
                  <a:pt x="4314543" y="1333467"/>
                </a:lnTo>
                <a:lnTo>
                  <a:pt x="4408698" y="1487146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0" name="Main Text">
            <a:extLst>
              <a:ext uri="{FF2B5EF4-FFF2-40B4-BE49-F238E27FC236}">
                <a16:creationId xmlns:a16="http://schemas.microsoft.com/office/drawing/2014/main" id="{2F186A2B-F065-401E-A6B6-1CC8F82F492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6CB731CE-0D3B-4488-BA5A-71B5720CE42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2" name="MAIN HEADLINE">
            <a:extLst>
              <a:ext uri="{FF2B5EF4-FFF2-40B4-BE49-F238E27FC236}">
                <a16:creationId xmlns:a16="http://schemas.microsoft.com/office/drawing/2014/main" id="{FE7F39FD-41F2-4E69-AF27-152E3285C4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9145DE82-BE21-4C4B-9B5C-61B136816B54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7601009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4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3EB32436-DE16-42A3-85FA-344BC0530674}"/>
              </a:ext>
            </a:extLst>
          </p:cNvPr>
          <p:cNvSpPr>
            <a:spLocks/>
          </p:cNvSpPr>
          <p:nvPr userDrawn="1"/>
        </p:nvSpPr>
        <p:spPr>
          <a:xfrm>
            <a:off x="5132238" y="0"/>
            <a:ext cx="2429025" cy="3142993"/>
          </a:xfrm>
          <a:custGeom>
            <a:avLst/>
            <a:gdLst>
              <a:gd name="connsiteX0" fmla="*/ 106946 w 2429025"/>
              <a:gd name="connsiteY0" fmla="*/ 0 h 3142993"/>
              <a:gd name="connsiteX1" fmla="*/ 2429025 w 2429025"/>
              <a:gd name="connsiteY1" fmla="*/ 0 h 3142993"/>
              <a:gd name="connsiteX2" fmla="*/ 2429025 w 2429025"/>
              <a:gd name="connsiteY2" fmla="*/ 3142993 h 3142993"/>
              <a:gd name="connsiteX3" fmla="*/ 0 w 2429025"/>
              <a:gd name="connsiteY3" fmla="*/ 713968 h 3142993"/>
              <a:gd name="connsiteX4" fmla="*/ 62200 w 2429025"/>
              <a:gd name="connsiteY4" fmla="*/ 165404 h 31429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29025" h="3142993">
                <a:moveTo>
                  <a:pt x="106946" y="0"/>
                </a:moveTo>
                <a:lnTo>
                  <a:pt x="2429025" y="0"/>
                </a:lnTo>
                <a:lnTo>
                  <a:pt x="2429025" y="3142993"/>
                </a:lnTo>
                <a:cubicBezTo>
                  <a:pt x="1087511" y="3142993"/>
                  <a:pt x="0" y="2055482"/>
                  <a:pt x="0" y="713968"/>
                </a:cubicBezTo>
                <a:cubicBezTo>
                  <a:pt x="0" y="525317"/>
                  <a:pt x="21506" y="341690"/>
                  <a:pt x="62200" y="165404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8" name="Picture">
            <a:extLst>
              <a:ext uri="{FF2B5EF4-FFF2-40B4-BE49-F238E27FC236}">
                <a16:creationId xmlns:a16="http://schemas.microsoft.com/office/drawing/2014/main" id="{EDF286E4-C6C8-4EDA-93B9-3A5AB933A40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9" name="Main Text">
            <a:extLst>
              <a:ext uri="{FF2B5EF4-FFF2-40B4-BE49-F238E27FC236}">
                <a16:creationId xmlns:a16="http://schemas.microsoft.com/office/drawing/2014/main" id="{F7AF0645-3943-4380-9E54-A31F287CB83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0" name="Subtitle">
            <a:extLst>
              <a:ext uri="{FF2B5EF4-FFF2-40B4-BE49-F238E27FC236}">
                <a16:creationId xmlns:a16="http://schemas.microsoft.com/office/drawing/2014/main" id="{4B8BC0F8-E2DF-4A98-9EB4-F5CE8DE2D8C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1" name="MAIN HEADLINE">
            <a:extLst>
              <a:ext uri="{FF2B5EF4-FFF2-40B4-BE49-F238E27FC236}">
                <a16:creationId xmlns:a16="http://schemas.microsoft.com/office/drawing/2014/main" id="{D98D11AD-43D3-442D-BA25-5EE406312640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13" name="Border">
            <a:extLst>
              <a:ext uri="{FF2B5EF4-FFF2-40B4-BE49-F238E27FC236}">
                <a16:creationId xmlns:a16="http://schemas.microsoft.com/office/drawing/2014/main" id="{EAB281A2-9A40-4434-A5CF-970C73B6527A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8729552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4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A060EDA2-EF6B-4F30-B9D8-3FA0EA2A5564}"/>
              </a:ext>
            </a:extLst>
          </p:cNvPr>
          <p:cNvSpPr>
            <a:spLocks/>
          </p:cNvSpPr>
          <p:nvPr userDrawn="1"/>
        </p:nvSpPr>
        <p:spPr>
          <a:xfrm>
            <a:off x="5132238" y="0"/>
            <a:ext cx="2429025" cy="3142993"/>
          </a:xfrm>
          <a:custGeom>
            <a:avLst/>
            <a:gdLst>
              <a:gd name="connsiteX0" fmla="*/ 106946 w 2429025"/>
              <a:gd name="connsiteY0" fmla="*/ 0 h 3142993"/>
              <a:gd name="connsiteX1" fmla="*/ 2429025 w 2429025"/>
              <a:gd name="connsiteY1" fmla="*/ 0 h 3142993"/>
              <a:gd name="connsiteX2" fmla="*/ 2429025 w 2429025"/>
              <a:gd name="connsiteY2" fmla="*/ 3142993 h 3142993"/>
              <a:gd name="connsiteX3" fmla="*/ 0 w 2429025"/>
              <a:gd name="connsiteY3" fmla="*/ 713968 h 3142993"/>
              <a:gd name="connsiteX4" fmla="*/ 62200 w 2429025"/>
              <a:gd name="connsiteY4" fmla="*/ 165404 h 31429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29025" h="3142993">
                <a:moveTo>
                  <a:pt x="106946" y="0"/>
                </a:moveTo>
                <a:lnTo>
                  <a:pt x="2429025" y="0"/>
                </a:lnTo>
                <a:lnTo>
                  <a:pt x="2429025" y="3142993"/>
                </a:lnTo>
                <a:cubicBezTo>
                  <a:pt x="1087511" y="3142993"/>
                  <a:pt x="0" y="2055482"/>
                  <a:pt x="0" y="713968"/>
                </a:cubicBezTo>
                <a:cubicBezTo>
                  <a:pt x="0" y="525317"/>
                  <a:pt x="21506" y="341690"/>
                  <a:pt x="62200" y="165404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10" name="Main Text">
            <a:extLst>
              <a:ext uri="{FF2B5EF4-FFF2-40B4-BE49-F238E27FC236}">
                <a16:creationId xmlns:a16="http://schemas.microsoft.com/office/drawing/2014/main" id="{C26BA47A-37D1-42CB-8B93-AC18DA43A9A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CF1D03FA-966B-4B47-83D9-75F7AC98CD8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E71D8EC7-DE97-4CD1-AD95-6FE8ED8697D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B68F3711-35BC-4A4A-9FBA-94164A44E427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5816936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4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CF7F124A-3CAC-49F0-98B6-7969DE1B1F8E}"/>
              </a:ext>
            </a:extLst>
          </p:cNvPr>
          <p:cNvSpPr>
            <a:spLocks/>
          </p:cNvSpPr>
          <p:nvPr userDrawn="1"/>
        </p:nvSpPr>
        <p:spPr>
          <a:xfrm>
            <a:off x="5132238" y="0"/>
            <a:ext cx="2429025" cy="3142993"/>
          </a:xfrm>
          <a:custGeom>
            <a:avLst/>
            <a:gdLst>
              <a:gd name="connsiteX0" fmla="*/ 106946 w 2429025"/>
              <a:gd name="connsiteY0" fmla="*/ 0 h 3142993"/>
              <a:gd name="connsiteX1" fmla="*/ 2429025 w 2429025"/>
              <a:gd name="connsiteY1" fmla="*/ 0 h 3142993"/>
              <a:gd name="connsiteX2" fmla="*/ 2429025 w 2429025"/>
              <a:gd name="connsiteY2" fmla="*/ 3142993 h 3142993"/>
              <a:gd name="connsiteX3" fmla="*/ 0 w 2429025"/>
              <a:gd name="connsiteY3" fmla="*/ 713968 h 3142993"/>
              <a:gd name="connsiteX4" fmla="*/ 62200 w 2429025"/>
              <a:gd name="connsiteY4" fmla="*/ 165404 h 31429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29025" h="3142993">
                <a:moveTo>
                  <a:pt x="106946" y="0"/>
                </a:moveTo>
                <a:lnTo>
                  <a:pt x="2429025" y="0"/>
                </a:lnTo>
                <a:lnTo>
                  <a:pt x="2429025" y="3142993"/>
                </a:lnTo>
                <a:cubicBezTo>
                  <a:pt x="1087511" y="3142993"/>
                  <a:pt x="0" y="2055482"/>
                  <a:pt x="0" y="713968"/>
                </a:cubicBezTo>
                <a:cubicBezTo>
                  <a:pt x="0" y="525317"/>
                  <a:pt x="21506" y="341690"/>
                  <a:pt x="62200" y="165404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10" name="Picture">
            <a:extLst>
              <a:ext uri="{FF2B5EF4-FFF2-40B4-BE49-F238E27FC236}">
                <a16:creationId xmlns:a16="http://schemas.microsoft.com/office/drawing/2014/main" id="{B473F24A-67CD-4915-B6DF-848D93CA1F6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1" name="Main Text">
            <a:extLst>
              <a:ext uri="{FF2B5EF4-FFF2-40B4-BE49-F238E27FC236}">
                <a16:creationId xmlns:a16="http://schemas.microsoft.com/office/drawing/2014/main" id="{25B13EFE-812E-447C-BBC7-AF0C84882B5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2" name="Subtitle">
            <a:extLst>
              <a:ext uri="{FF2B5EF4-FFF2-40B4-BE49-F238E27FC236}">
                <a16:creationId xmlns:a16="http://schemas.microsoft.com/office/drawing/2014/main" id="{0D12D1B7-B8DB-4E09-AA37-BC5335D2811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MAIN HEADLINE">
            <a:extLst>
              <a:ext uri="{FF2B5EF4-FFF2-40B4-BE49-F238E27FC236}">
                <a16:creationId xmlns:a16="http://schemas.microsoft.com/office/drawing/2014/main" id="{60212C22-7D26-4F96-AB1B-EB8796170E9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9" name="Border">
            <a:extLst>
              <a:ext uri="{FF2B5EF4-FFF2-40B4-BE49-F238E27FC236}">
                <a16:creationId xmlns:a16="http://schemas.microsoft.com/office/drawing/2014/main" id="{51D9D662-3C87-42DB-A296-CDE19B5AC91D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6177937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4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D3AE4E4C-7CB8-4045-A1AB-AFBEF4555877}"/>
              </a:ext>
            </a:extLst>
          </p:cNvPr>
          <p:cNvSpPr>
            <a:spLocks/>
          </p:cNvSpPr>
          <p:nvPr userDrawn="1"/>
        </p:nvSpPr>
        <p:spPr>
          <a:xfrm>
            <a:off x="5132238" y="0"/>
            <a:ext cx="2429025" cy="3142993"/>
          </a:xfrm>
          <a:custGeom>
            <a:avLst/>
            <a:gdLst>
              <a:gd name="connsiteX0" fmla="*/ 106946 w 2429025"/>
              <a:gd name="connsiteY0" fmla="*/ 0 h 3142993"/>
              <a:gd name="connsiteX1" fmla="*/ 2429025 w 2429025"/>
              <a:gd name="connsiteY1" fmla="*/ 0 h 3142993"/>
              <a:gd name="connsiteX2" fmla="*/ 2429025 w 2429025"/>
              <a:gd name="connsiteY2" fmla="*/ 3142993 h 3142993"/>
              <a:gd name="connsiteX3" fmla="*/ 0 w 2429025"/>
              <a:gd name="connsiteY3" fmla="*/ 713968 h 3142993"/>
              <a:gd name="connsiteX4" fmla="*/ 62200 w 2429025"/>
              <a:gd name="connsiteY4" fmla="*/ 165404 h 31429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29025" h="3142993">
                <a:moveTo>
                  <a:pt x="106946" y="0"/>
                </a:moveTo>
                <a:lnTo>
                  <a:pt x="2429025" y="0"/>
                </a:lnTo>
                <a:lnTo>
                  <a:pt x="2429025" y="3142993"/>
                </a:lnTo>
                <a:cubicBezTo>
                  <a:pt x="1087511" y="3142993"/>
                  <a:pt x="0" y="2055482"/>
                  <a:pt x="0" y="713968"/>
                </a:cubicBezTo>
                <a:cubicBezTo>
                  <a:pt x="0" y="525317"/>
                  <a:pt x="21506" y="341690"/>
                  <a:pt x="62200" y="165404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10" name="Main Text">
            <a:extLst>
              <a:ext uri="{FF2B5EF4-FFF2-40B4-BE49-F238E27FC236}">
                <a16:creationId xmlns:a16="http://schemas.microsoft.com/office/drawing/2014/main" id="{AD29B3C9-B50F-456E-93C3-F75224DB76E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DDD7CDCD-D9EA-4716-B3D7-972433B9F44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4" name="MAIN HEADLINE">
            <a:extLst>
              <a:ext uri="{FF2B5EF4-FFF2-40B4-BE49-F238E27FC236}">
                <a16:creationId xmlns:a16="http://schemas.microsoft.com/office/drawing/2014/main" id="{6AE87195-FA43-43E1-B513-E0014D91B80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8" name="Border">
            <a:extLst>
              <a:ext uri="{FF2B5EF4-FFF2-40B4-BE49-F238E27FC236}">
                <a16:creationId xmlns:a16="http://schemas.microsoft.com/office/drawing/2014/main" id="{7F9D0CF5-F60A-4ED4-9866-BFE27D95FFCD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4062703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5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Shape">
            <a:extLst>
              <a:ext uri="{FF2B5EF4-FFF2-40B4-BE49-F238E27FC236}">
                <a16:creationId xmlns:a16="http://schemas.microsoft.com/office/drawing/2014/main" id="{40AC4F22-7862-44DB-A0FE-B5A526638DE7}"/>
              </a:ext>
            </a:extLst>
          </p:cNvPr>
          <p:cNvSpPr/>
          <p:nvPr userDrawn="1"/>
        </p:nvSpPr>
        <p:spPr>
          <a:xfrm rot="10800000">
            <a:off x="4581985" y="6839177"/>
            <a:ext cx="2924603" cy="3854223"/>
          </a:xfrm>
          <a:custGeom>
            <a:avLst/>
            <a:gdLst>
              <a:gd name="connsiteX0" fmla="*/ 0 w 3921065"/>
              <a:gd name="connsiteY0" fmla="*/ 0 h 5167423"/>
              <a:gd name="connsiteX1" fmla="*/ 3921065 w 3921065"/>
              <a:gd name="connsiteY1" fmla="*/ 0 h 5167423"/>
              <a:gd name="connsiteX2" fmla="*/ 3921065 w 3921065"/>
              <a:gd name="connsiteY2" fmla="*/ 2536581 h 5167423"/>
              <a:gd name="connsiteX3" fmla="*/ 3817466 w 3921065"/>
              <a:gd name="connsiteY3" fmla="*/ 2459826 h 5167423"/>
              <a:gd name="connsiteX4" fmla="*/ 3708856 w 3921065"/>
              <a:gd name="connsiteY4" fmla="*/ 2389809 h 5167423"/>
              <a:gd name="connsiteX5" fmla="*/ 3595539 w 3921065"/>
              <a:gd name="connsiteY5" fmla="*/ 2326847 h 5167423"/>
              <a:gd name="connsiteX6" fmla="*/ 3477825 w 3921065"/>
              <a:gd name="connsiteY6" fmla="*/ 2271256 h 5167423"/>
              <a:gd name="connsiteX7" fmla="*/ 3356020 w 3921065"/>
              <a:gd name="connsiteY7" fmla="*/ 2223350 h 5167423"/>
              <a:gd name="connsiteX8" fmla="*/ 3230427 w 3921065"/>
              <a:gd name="connsiteY8" fmla="*/ 2183443 h 5167423"/>
              <a:gd name="connsiteX9" fmla="*/ 3101356 w 3921065"/>
              <a:gd name="connsiteY9" fmla="*/ 2151858 h 5167423"/>
              <a:gd name="connsiteX10" fmla="*/ 2969111 w 3921065"/>
              <a:gd name="connsiteY10" fmla="*/ 2128904 h 5167423"/>
              <a:gd name="connsiteX11" fmla="*/ 2834002 w 3921065"/>
              <a:gd name="connsiteY11" fmla="*/ 2114901 h 5167423"/>
              <a:gd name="connsiteX12" fmla="*/ 2696331 w 3921065"/>
              <a:gd name="connsiteY12" fmla="*/ 2110163 h 5167423"/>
              <a:gd name="connsiteX13" fmla="*/ 2566519 w 3921065"/>
              <a:gd name="connsiteY13" fmla="*/ 2114361 h 5167423"/>
              <a:gd name="connsiteX14" fmla="*/ 2438947 w 3921065"/>
              <a:gd name="connsiteY14" fmla="*/ 2126785 h 5167423"/>
              <a:gd name="connsiteX15" fmla="*/ 2313881 w 3921065"/>
              <a:gd name="connsiteY15" fmla="*/ 2147177 h 5167423"/>
              <a:gd name="connsiteX16" fmla="*/ 2191577 w 3921065"/>
              <a:gd name="connsiteY16" fmla="*/ 2175272 h 5167423"/>
              <a:gd name="connsiteX17" fmla="*/ 2072294 w 3921065"/>
              <a:gd name="connsiteY17" fmla="*/ 2210811 h 5167423"/>
              <a:gd name="connsiteX18" fmla="*/ 1956296 w 3921065"/>
              <a:gd name="connsiteY18" fmla="*/ 2253534 h 5167423"/>
              <a:gd name="connsiteX19" fmla="*/ 1843841 w 3921065"/>
              <a:gd name="connsiteY19" fmla="*/ 2303184 h 5167423"/>
              <a:gd name="connsiteX20" fmla="*/ 1735189 w 3921065"/>
              <a:gd name="connsiteY20" fmla="*/ 2359499 h 5167423"/>
              <a:gd name="connsiteX21" fmla="*/ 1630601 w 3921065"/>
              <a:gd name="connsiteY21" fmla="*/ 2422217 h 5167423"/>
              <a:gd name="connsiteX22" fmla="*/ 1530336 w 3921065"/>
              <a:gd name="connsiteY22" fmla="*/ 2491077 h 5167423"/>
              <a:gd name="connsiteX23" fmla="*/ 1434654 w 3921065"/>
              <a:gd name="connsiteY23" fmla="*/ 2565824 h 5167423"/>
              <a:gd name="connsiteX24" fmla="*/ 1343817 w 3921065"/>
              <a:gd name="connsiteY24" fmla="*/ 2646195 h 5167423"/>
              <a:gd name="connsiteX25" fmla="*/ 1258085 w 3921065"/>
              <a:gd name="connsiteY25" fmla="*/ 2731927 h 5167423"/>
              <a:gd name="connsiteX26" fmla="*/ 1177714 w 3921065"/>
              <a:gd name="connsiteY26" fmla="*/ 2822764 h 5167423"/>
              <a:gd name="connsiteX27" fmla="*/ 1102970 w 3921065"/>
              <a:gd name="connsiteY27" fmla="*/ 2918447 h 5167423"/>
              <a:gd name="connsiteX28" fmla="*/ 1034107 w 3921065"/>
              <a:gd name="connsiteY28" fmla="*/ 3018708 h 5167423"/>
              <a:gd name="connsiteX29" fmla="*/ 971392 w 3921065"/>
              <a:gd name="connsiteY29" fmla="*/ 3123297 h 5167423"/>
              <a:gd name="connsiteX30" fmla="*/ 915077 w 3921065"/>
              <a:gd name="connsiteY30" fmla="*/ 3231946 h 5167423"/>
              <a:gd name="connsiteX31" fmla="*/ 865430 w 3921065"/>
              <a:gd name="connsiteY31" fmla="*/ 3344398 h 5167423"/>
              <a:gd name="connsiteX32" fmla="*/ 822707 w 3921065"/>
              <a:gd name="connsiteY32" fmla="*/ 3460394 h 5167423"/>
              <a:gd name="connsiteX33" fmla="*/ 787168 w 3921065"/>
              <a:gd name="connsiteY33" fmla="*/ 3579671 h 5167423"/>
              <a:gd name="connsiteX34" fmla="*/ 759073 w 3921065"/>
              <a:gd name="connsiteY34" fmla="*/ 3701973 h 5167423"/>
              <a:gd name="connsiteX35" fmla="*/ 738683 w 3921065"/>
              <a:gd name="connsiteY35" fmla="*/ 3827036 h 5167423"/>
              <a:gd name="connsiteX36" fmla="*/ 726259 w 3921065"/>
              <a:gd name="connsiteY36" fmla="*/ 3954600 h 5167423"/>
              <a:gd name="connsiteX37" fmla="*/ 722058 w 3921065"/>
              <a:gd name="connsiteY37" fmla="*/ 4084406 h 5167423"/>
              <a:gd name="connsiteX38" fmla="*/ 727586 w 3921065"/>
              <a:gd name="connsiteY38" fmla="*/ 4233040 h 5167423"/>
              <a:gd name="connsiteX39" fmla="*/ 743899 w 3921065"/>
              <a:gd name="connsiteY39" fmla="*/ 4378657 h 5167423"/>
              <a:gd name="connsiteX40" fmla="*/ 770598 w 3921065"/>
              <a:gd name="connsiteY40" fmla="*/ 4520874 h 5167423"/>
              <a:gd name="connsiteX41" fmla="*/ 807283 w 3921065"/>
              <a:gd name="connsiteY41" fmla="*/ 4659302 h 5167423"/>
              <a:gd name="connsiteX42" fmla="*/ 853552 w 3921065"/>
              <a:gd name="connsiteY42" fmla="*/ 4793559 h 5167423"/>
              <a:gd name="connsiteX43" fmla="*/ 909006 w 3921065"/>
              <a:gd name="connsiteY43" fmla="*/ 4923253 h 5167423"/>
              <a:gd name="connsiteX44" fmla="*/ 973243 w 3921065"/>
              <a:gd name="connsiteY44" fmla="*/ 5048003 h 5167423"/>
              <a:gd name="connsiteX45" fmla="*/ 1045865 w 3921065"/>
              <a:gd name="connsiteY45" fmla="*/ 5167423 h 5167423"/>
              <a:gd name="connsiteX46" fmla="*/ 0 w 3921065"/>
              <a:gd name="connsiteY46" fmla="*/ 5167423 h 51674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</a:cxnLst>
            <a:rect l="l" t="t" r="r" b="b"/>
            <a:pathLst>
              <a:path w="3921065" h="5167423">
                <a:moveTo>
                  <a:pt x="0" y="0"/>
                </a:moveTo>
                <a:lnTo>
                  <a:pt x="3921065" y="0"/>
                </a:lnTo>
                <a:lnTo>
                  <a:pt x="3921065" y="2536581"/>
                </a:lnTo>
                <a:lnTo>
                  <a:pt x="3817466" y="2459826"/>
                </a:lnTo>
                <a:lnTo>
                  <a:pt x="3708856" y="2389809"/>
                </a:lnTo>
                <a:lnTo>
                  <a:pt x="3595539" y="2326847"/>
                </a:lnTo>
                <a:lnTo>
                  <a:pt x="3477825" y="2271256"/>
                </a:lnTo>
                <a:lnTo>
                  <a:pt x="3356020" y="2223350"/>
                </a:lnTo>
                <a:lnTo>
                  <a:pt x="3230427" y="2183443"/>
                </a:lnTo>
                <a:lnTo>
                  <a:pt x="3101356" y="2151858"/>
                </a:lnTo>
                <a:lnTo>
                  <a:pt x="2969111" y="2128904"/>
                </a:lnTo>
                <a:lnTo>
                  <a:pt x="2834002" y="2114901"/>
                </a:lnTo>
                <a:lnTo>
                  <a:pt x="2696331" y="2110163"/>
                </a:lnTo>
                <a:lnTo>
                  <a:pt x="2566519" y="2114361"/>
                </a:lnTo>
                <a:lnTo>
                  <a:pt x="2438947" y="2126785"/>
                </a:lnTo>
                <a:lnTo>
                  <a:pt x="2313881" y="2147177"/>
                </a:lnTo>
                <a:lnTo>
                  <a:pt x="2191577" y="2175272"/>
                </a:lnTo>
                <a:lnTo>
                  <a:pt x="2072294" y="2210811"/>
                </a:lnTo>
                <a:lnTo>
                  <a:pt x="1956296" y="2253534"/>
                </a:lnTo>
                <a:lnTo>
                  <a:pt x="1843841" y="2303184"/>
                </a:lnTo>
                <a:lnTo>
                  <a:pt x="1735189" y="2359499"/>
                </a:lnTo>
                <a:lnTo>
                  <a:pt x="1630601" y="2422217"/>
                </a:lnTo>
                <a:lnTo>
                  <a:pt x="1530336" y="2491077"/>
                </a:lnTo>
                <a:lnTo>
                  <a:pt x="1434654" y="2565824"/>
                </a:lnTo>
                <a:lnTo>
                  <a:pt x="1343817" y="2646195"/>
                </a:lnTo>
                <a:lnTo>
                  <a:pt x="1258085" y="2731927"/>
                </a:lnTo>
                <a:lnTo>
                  <a:pt x="1177714" y="2822764"/>
                </a:lnTo>
                <a:lnTo>
                  <a:pt x="1102970" y="2918447"/>
                </a:lnTo>
                <a:lnTo>
                  <a:pt x="1034107" y="3018708"/>
                </a:lnTo>
                <a:lnTo>
                  <a:pt x="971392" y="3123297"/>
                </a:lnTo>
                <a:lnTo>
                  <a:pt x="915077" y="3231946"/>
                </a:lnTo>
                <a:lnTo>
                  <a:pt x="865430" y="3344398"/>
                </a:lnTo>
                <a:lnTo>
                  <a:pt x="822707" y="3460394"/>
                </a:lnTo>
                <a:lnTo>
                  <a:pt x="787168" y="3579671"/>
                </a:lnTo>
                <a:lnTo>
                  <a:pt x="759073" y="3701973"/>
                </a:lnTo>
                <a:lnTo>
                  <a:pt x="738683" y="3827036"/>
                </a:lnTo>
                <a:lnTo>
                  <a:pt x="726259" y="3954600"/>
                </a:lnTo>
                <a:lnTo>
                  <a:pt x="722058" y="4084406"/>
                </a:lnTo>
                <a:lnTo>
                  <a:pt x="727586" y="4233040"/>
                </a:lnTo>
                <a:lnTo>
                  <a:pt x="743899" y="4378657"/>
                </a:lnTo>
                <a:lnTo>
                  <a:pt x="770598" y="4520874"/>
                </a:lnTo>
                <a:lnTo>
                  <a:pt x="807283" y="4659302"/>
                </a:lnTo>
                <a:lnTo>
                  <a:pt x="853552" y="4793559"/>
                </a:lnTo>
                <a:lnTo>
                  <a:pt x="909006" y="4923253"/>
                </a:lnTo>
                <a:lnTo>
                  <a:pt x="973243" y="5048003"/>
                </a:lnTo>
                <a:lnTo>
                  <a:pt x="1045865" y="5167423"/>
                </a:lnTo>
                <a:lnTo>
                  <a:pt x="0" y="516742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Picture">
            <a:extLst>
              <a:ext uri="{FF2B5EF4-FFF2-40B4-BE49-F238E27FC236}">
                <a16:creationId xmlns:a16="http://schemas.microsoft.com/office/drawing/2014/main" id="{D34E6697-68A7-4BE5-9E3F-0DA4FF02EE36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3044EF75-9E94-4A84-ABFE-593E92CEFFA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3616993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Subtitle">
            <a:extLst>
              <a:ext uri="{FF2B5EF4-FFF2-40B4-BE49-F238E27FC236}">
                <a16:creationId xmlns:a16="http://schemas.microsoft.com/office/drawing/2014/main" id="{B580E4D0-9A3E-4CA8-AE59-27F82983A4A5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MAIN HEADLINE">
            <a:extLst>
              <a:ext uri="{FF2B5EF4-FFF2-40B4-BE49-F238E27FC236}">
                <a16:creationId xmlns:a16="http://schemas.microsoft.com/office/drawing/2014/main" id="{4C3B8650-1977-415B-8FBB-2902EED5BD6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10" name="Border">
            <a:extLst>
              <a:ext uri="{FF2B5EF4-FFF2-40B4-BE49-F238E27FC236}">
                <a16:creationId xmlns:a16="http://schemas.microsoft.com/office/drawing/2014/main" id="{BCAB4EDA-913C-421E-823D-14E0F22E19BF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9274668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5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5A9B4247-5D91-468F-9798-E9C8DBCBE833}"/>
              </a:ext>
            </a:extLst>
          </p:cNvPr>
          <p:cNvSpPr/>
          <p:nvPr userDrawn="1"/>
        </p:nvSpPr>
        <p:spPr>
          <a:xfrm rot="10800000">
            <a:off x="4581985" y="6839177"/>
            <a:ext cx="2924603" cy="3854223"/>
          </a:xfrm>
          <a:custGeom>
            <a:avLst/>
            <a:gdLst>
              <a:gd name="connsiteX0" fmla="*/ 0 w 3921065"/>
              <a:gd name="connsiteY0" fmla="*/ 0 h 5167423"/>
              <a:gd name="connsiteX1" fmla="*/ 3921065 w 3921065"/>
              <a:gd name="connsiteY1" fmla="*/ 0 h 5167423"/>
              <a:gd name="connsiteX2" fmla="*/ 3921065 w 3921065"/>
              <a:gd name="connsiteY2" fmla="*/ 2536581 h 5167423"/>
              <a:gd name="connsiteX3" fmla="*/ 3817466 w 3921065"/>
              <a:gd name="connsiteY3" fmla="*/ 2459826 h 5167423"/>
              <a:gd name="connsiteX4" fmla="*/ 3708856 w 3921065"/>
              <a:gd name="connsiteY4" fmla="*/ 2389809 h 5167423"/>
              <a:gd name="connsiteX5" fmla="*/ 3595539 w 3921065"/>
              <a:gd name="connsiteY5" fmla="*/ 2326847 h 5167423"/>
              <a:gd name="connsiteX6" fmla="*/ 3477825 w 3921065"/>
              <a:gd name="connsiteY6" fmla="*/ 2271256 h 5167423"/>
              <a:gd name="connsiteX7" fmla="*/ 3356020 w 3921065"/>
              <a:gd name="connsiteY7" fmla="*/ 2223350 h 5167423"/>
              <a:gd name="connsiteX8" fmla="*/ 3230427 w 3921065"/>
              <a:gd name="connsiteY8" fmla="*/ 2183443 h 5167423"/>
              <a:gd name="connsiteX9" fmla="*/ 3101356 w 3921065"/>
              <a:gd name="connsiteY9" fmla="*/ 2151858 h 5167423"/>
              <a:gd name="connsiteX10" fmla="*/ 2969111 w 3921065"/>
              <a:gd name="connsiteY10" fmla="*/ 2128904 h 5167423"/>
              <a:gd name="connsiteX11" fmla="*/ 2834002 w 3921065"/>
              <a:gd name="connsiteY11" fmla="*/ 2114901 h 5167423"/>
              <a:gd name="connsiteX12" fmla="*/ 2696331 w 3921065"/>
              <a:gd name="connsiteY12" fmla="*/ 2110163 h 5167423"/>
              <a:gd name="connsiteX13" fmla="*/ 2566519 w 3921065"/>
              <a:gd name="connsiteY13" fmla="*/ 2114361 h 5167423"/>
              <a:gd name="connsiteX14" fmla="*/ 2438947 w 3921065"/>
              <a:gd name="connsiteY14" fmla="*/ 2126785 h 5167423"/>
              <a:gd name="connsiteX15" fmla="*/ 2313881 w 3921065"/>
              <a:gd name="connsiteY15" fmla="*/ 2147177 h 5167423"/>
              <a:gd name="connsiteX16" fmla="*/ 2191577 w 3921065"/>
              <a:gd name="connsiteY16" fmla="*/ 2175272 h 5167423"/>
              <a:gd name="connsiteX17" fmla="*/ 2072294 w 3921065"/>
              <a:gd name="connsiteY17" fmla="*/ 2210811 h 5167423"/>
              <a:gd name="connsiteX18" fmla="*/ 1956296 w 3921065"/>
              <a:gd name="connsiteY18" fmla="*/ 2253534 h 5167423"/>
              <a:gd name="connsiteX19" fmla="*/ 1843841 w 3921065"/>
              <a:gd name="connsiteY19" fmla="*/ 2303184 h 5167423"/>
              <a:gd name="connsiteX20" fmla="*/ 1735189 w 3921065"/>
              <a:gd name="connsiteY20" fmla="*/ 2359499 h 5167423"/>
              <a:gd name="connsiteX21" fmla="*/ 1630601 w 3921065"/>
              <a:gd name="connsiteY21" fmla="*/ 2422217 h 5167423"/>
              <a:gd name="connsiteX22" fmla="*/ 1530336 w 3921065"/>
              <a:gd name="connsiteY22" fmla="*/ 2491077 h 5167423"/>
              <a:gd name="connsiteX23" fmla="*/ 1434654 w 3921065"/>
              <a:gd name="connsiteY23" fmla="*/ 2565824 h 5167423"/>
              <a:gd name="connsiteX24" fmla="*/ 1343817 w 3921065"/>
              <a:gd name="connsiteY24" fmla="*/ 2646195 h 5167423"/>
              <a:gd name="connsiteX25" fmla="*/ 1258085 w 3921065"/>
              <a:gd name="connsiteY25" fmla="*/ 2731927 h 5167423"/>
              <a:gd name="connsiteX26" fmla="*/ 1177714 w 3921065"/>
              <a:gd name="connsiteY26" fmla="*/ 2822764 h 5167423"/>
              <a:gd name="connsiteX27" fmla="*/ 1102970 w 3921065"/>
              <a:gd name="connsiteY27" fmla="*/ 2918447 h 5167423"/>
              <a:gd name="connsiteX28" fmla="*/ 1034107 w 3921065"/>
              <a:gd name="connsiteY28" fmla="*/ 3018708 h 5167423"/>
              <a:gd name="connsiteX29" fmla="*/ 971392 w 3921065"/>
              <a:gd name="connsiteY29" fmla="*/ 3123297 h 5167423"/>
              <a:gd name="connsiteX30" fmla="*/ 915077 w 3921065"/>
              <a:gd name="connsiteY30" fmla="*/ 3231946 h 5167423"/>
              <a:gd name="connsiteX31" fmla="*/ 865430 w 3921065"/>
              <a:gd name="connsiteY31" fmla="*/ 3344398 h 5167423"/>
              <a:gd name="connsiteX32" fmla="*/ 822707 w 3921065"/>
              <a:gd name="connsiteY32" fmla="*/ 3460394 h 5167423"/>
              <a:gd name="connsiteX33" fmla="*/ 787168 w 3921065"/>
              <a:gd name="connsiteY33" fmla="*/ 3579671 h 5167423"/>
              <a:gd name="connsiteX34" fmla="*/ 759073 w 3921065"/>
              <a:gd name="connsiteY34" fmla="*/ 3701973 h 5167423"/>
              <a:gd name="connsiteX35" fmla="*/ 738683 w 3921065"/>
              <a:gd name="connsiteY35" fmla="*/ 3827036 h 5167423"/>
              <a:gd name="connsiteX36" fmla="*/ 726259 w 3921065"/>
              <a:gd name="connsiteY36" fmla="*/ 3954600 h 5167423"/>
              <a:gd name="connsiteX37" fmla="*/ 722058 w 3921065"/>
              <a:gd name="connsiteY37" fmla="*/ 4084406 h 5167423"/>
              <a:gd name="connsiteX38" fmla="*/ 727586 w 3921065"/>
              <a:gd name="connsiteY38" fmla="*/ 4233040 h 5167423"/>
              <a:gd name="connsiteX39" fmla="*/ 743899 w 3921065"/>
              <a:gd name="connsiteY39" fmla="*/ 4378657 h 5167423"/>
              <a:gd name="connsiteX40" fmla="*/ 770598 w 3921065"/>
              <a:gd name="connsiteY40" fmla="*/ 4520874 h 5167423"/>
              <a:gd name="connsiteX41" fmla="*/ 807283 w 3921065"/>
              <a:gd name="connsiteY41" fmla="*/ 4659302 h 5167423"/>
              <a:gd name="connsiteX42" fmla="*/ 853552 w 3921065"/>
              <a:gd name="connsiteY42" fmla="*/ 4793559 h 5167423"/>
              <a:gd name="connsiteX43" fmla="*/ 909006 w 3921065"/>
              <a:gd name="connsiteY43" fmla="*/ 4923253 h 5167423"/>
              <a:gd name="connsiteX44" fmla="*/ 973243 w 3921065"/>
              <a:gd name="connsiteY44" fmla="*/ 5048003 h 5167423"/>
              <a:gd name="connsiteX45" fmla="*/ 1045865 w 3921065"/>
              <a:gd name="connsiteY45" fmla="*/ 5167423 h 5167423"/>
              <a:gd name="connsiteX46" fmla="*/ 0 w 3921065"/>
              <a:gd name="connsiteY46" fmla="*/ 5167423 h 51674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</a:cxnLst>
            <a:rect l="l" t="t" r="r" b="b"/>
            <a:pathLst>
              <a:path w="3921065" h="5167423">
                <a:moveTo>
                  <a:pt x="0" y="0"/>
                </a:moveTo>
                <a:lnTo>
                  <a:pt x="3921065" y="0"/>
                </a:lnTo>
                <a:lnTo>
                  <a:pt x="3921065" y="2536581"/>
                </a:lnTo>
                <a:lnTo>
                  <a:pt x="3817466" y="2459826"/>
                </a:lnTo>
                <a:lnTo>
                  <a:pt x="3708856" y="2389809"/>
                </a:lnTo>
                <a:lnTo>
                  <a:pt x="3595539" y="2326847"/>
                </a:lnTo>
                <a:lnTo>
                  <a:pt x="3477825" y="2271256"/>
                </a:lnTo>
                <a:lnTo>
                  <a:pt x="3356020" y="2223350"/>
                </a:lnTo>
                <a:lnTo>
                  <a:pt x="3230427" y="2183443"/>
                </a:lnTo>
                <a:lnTo>
                  <a:pt x="3101356" y="2151858"/>
                </a:lnTo>
                <a:lnTo>
                  <a:pt x="2969111" y="2128904"/>
                </a:lnTo>
                <a:lnTo>
                  <a:pt x="2834002" y="2114901"/>
                </a:lnTo>
                <a:lnTo>
                  <a:pt x="2696331" y="2110163"/>
                </a:lnTo>
                <a:lnTo>
                  <a:pt x="2566519" y="2114361"/>
                </a:lnTo>
                <a:lnTo>
                  <a:pt x="2438947" y="2126785"/>
                </a:lnTo>
                <a:lnTo>
                  <a:pt x="2313881" y="2147177"/>
                </a:lnTo>
                <a:lnTo>
                  <a:pt x="2191577" y="2175272"/>
                </a:lnTo>
                <a:lnTo>
                  <a:pt x="2072294" y="2210811"/>
                </a:lnTo>
                <a:lnTo>
                  <a:pt x="1956296" y="2253534"/>
                </a:lnTo>
                <a:lnTo>
                  <a:pt x="1843841" y="2303184"/>
                </a:lnTo>
                <a:lnTo>
                  <a:pt x="1735189" y="2359499"/>
                </a:lnTo>
                <a:lnTo>
                  <a:pt x="1630601" y="2422217"/>
                </a:lnTo>
                <a:lnTo>
                  <a:pt x="1530336" y="2491077"/>
                </a:lnTo>
                <a:lnTo>
                  <a:pt x="1434654" y="2565824"/>
                </a:lnTo>
                <a:lnTo>
                  <a:pt x="1343817" y="2646195"/>
                </a:lnTo>
                <a:lnTo>
                  <a:pt x="1258085" y="2731927"/>
                </a:lnTo>
                <a:lnTo>
                  <a:pt x="1177714" y="2822764"/>
                </a:lnTo>
                <a:lnTo>
                  <a:pt x="1102970" y="2918447"/>
                </a:lnTo>
                <a:lnTo>
                  <a:pt x="1034107" y="3018708"/>
                </a:lnTo>
                <a:lnTo>
                  <a:pt x="971392" y="3123297"/>
                </a:lnTo>
                <a:lnTo>
                  <a:pt x="915077" y="3231946"/>
                </a:lnTo>
                <a:lnTo>
                  <a:pt x="865430" y="3344398"/>
                </a:lnTo>
                <a:lnTo>
                  <a:pt x="822707" y="3460394"/>
                </a:lnTo>
                <a:lnTo>
                  <a:pt x="787168" y="3579671"/>
                </a:lnTo>
                <a:lnTo>
                  <a:pt x="759073" y="3701973"/>
                </a:lnTo>
                <a:lnTo>
                  <a:pt x="738683" y="3827036"/>
                </a:lnTo>
                <a:lnTo>
                  <a:pt x="726259" y="3954600"/>
                </a:lnTo>
                <a:lnTo>
                  <a:pt x="722058" y="4084406"/>
                </a:lnTo>
                <a:lnTo>
                  <a:pt x="727586" y="4233040"/>
                </a:lnTo>
                <a:lnTo>
                  <a:pt x="743899" y="4378657"/>
                </a:lnTo>
                <a:lnTo>
                  <a:pt x="770598" y="4520874"/>
                </a:lnTo>
                <a:lnTo>
                  <a:pt x="807283" y="4659302"/>
                </a:lnTo>
                <a:lnTo>
                  <a:pt x="853552" y="4793559"/>
                </a:lnTo>
                <a:lnTo>
                  <a:pt x="909006" y="4923253"/>
                </a:lnTo>
                <a:lnTo>
                  <a:pt x="973243" y="5048003"/>
                </a:lnTo>
                <a:lnTo>
                  <a:pt x="1045865" y="5167423"/>
                </a:lnTo>
                <a:lnTo>
                  <a:pt x="0" y="516742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E7FE60C9-9558-4E6D-B5AD-6D3F82C4B35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40707" y="5533207"/>
            <a:ext cx="3616993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37F821A0-4B79-46C9-B721-67C91EE9E91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40707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 b="0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5" name="MAIN HEADLINE">
            <a:extLst>
              <a:ext uri="{FF2B5EF4-FFF2-40B4-BE49-F238E27FC236}">
                <a16:creationId xmlns:a16="http://schemas.microsoft.com/office/drawing/2014/main" id="{B98264FE-905D-402E-877A-40F3BCE766B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40707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5F34FCFC-4C2C-4725-93FE-C2CC828BF927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1426535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5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hape">
            <a:extLst>
              <a:ext uri="{FF2B5EF4-FFF2-40B4-BE49-F238E27FC236}">
                <a16:creationId xmlns:a16="http://schemas.microsoft.com/office/drawing/2014/main" id="{FFA2D3B1-4B27-4033-899D-6286A9B5F8A6}"/>
              </a:ext>
            </a:extLst>
          </p:cNvPr>
          <p:cNvSpPr/>
          <p:nvPr userDrawn="1"/>
        </p:nvSpPr>
        <p:spPr>
          <a:xfrm rot="10800000">
            <a:off x="4581985" y="6839177"/>
            <a:ext cx="2924603" cy="3854223"/>
          </a:xfrm>
          <a:custGeom>
            <a:avLst/>
            <a:gdLst>
              <a:gd name="connsiteX0" fmla="*/ 0 w 3921065"/>
              <a:gd name="connsiteY0" fmla="*/ 0 h 5167423"/>
              <a:gd name="connsiteX1" fmla="*/ 3921065 w 3921065"/>
              <a:gd name="connsiteY1" fmla="*/ 0 h 5167423"/>
              <a:gd name="connsiteX2" fmla="*/ 3921065 w 3921065"/>
              <a:gd name="connsiteY2" fmla="*/ 2536581 h 5167423"/>
              <a:gd name="connsiteX3" fmla="*/ 3817466 w 3921065"/>
              <a:gd name="connsiteY3" fmla="*/ 2459826 h 5167423"/>
              <a:gd name="connsiteX4" fmla="*/ 3708856 w 3921065"/>
              <a:gd name="connsiteY4" fmla="*/ 2389809 h 5167423"/>
              <a:gd name="connsiteX5" fmla="*/ 3595539 w 3921065"/>
              <a:gd name="connsiteY5" fmla="*/ 2326847 h 5167423"/>
              <a:gd name="connsiteX6" fmla="*/ 3477825 w 3921065"/>
              <a:gd name="connsiteY6" fmla="*/ 2271256 h 5167423"/>
              <a:gd name="connsiteX7" fmla="*/ 3356020 w 3921065"/>
              <a:gd name="connsiteY7" fmla="*/ 2223350 h 5167423"/>
              <a:gd name="connsiteX8" fmla="*/ 3230427 w 3921065"/>
              <a:gd name="connsiteY8" fmla="*/ 2183443 h 5167423"/>
              <a:gd name="connsiteX9" fmla="*/ 3101356 w 3921065"/>
              <a:gd name="connsiteY9" fmla="*/ 2151858 h 5167423"/>
              <a:gd name="connsiteX10" fmla="*/ 2969111 w 3921065"/>
              <a:gd name="connsiteY10" fmla="*/ 2128904 h 5167423"/>
              <a:gd name="connsiteX11" fmla="*/ 2834002 w 3921065"/>
              <a:gd name="connsiteY11" fmla="*/ 2114901 h 5167423"/>
              <a:gd name="connsiteX12" fmla="*/ 2696331 w 3921065"/>
              <a:gd name="connsiteY12" fmla="*/ 2110163 h 5167423"/>
              <a:gd name="connsiteX13" fmla="*/ 2566519 w 3921065"/>
              <a:gd name="connsiteY13" fmla="*/ 2114361 h 5167423"/>
              <a:gd name="connsiteX14" fmla="*/ 2438947 w 3921065"/>
              <a:gd name="connsiteY14" fmla="*/ 2126785 h 5167423"/>
              <a:gd name="connsiteX15" fmla="*/ 2313881 w 3921065"/>
              <a:gd name="connsiteY15" fmla="*/ 2147177 h 5167423"/>
              <a:gd name="connsiteX16" fmla="*/ 2191577 w 3921065"/>
              <a:gd name="connsiteY16" fmla="*/ 2175272 h 5167423"/>
              <a:gd name="connsiteX17" fmla="*/ 2072294 w 3921065"/>
              <a:gd name="connsiteY17" fmla="*/ 2210811 h 5167423"/>
              <a:gd name="connsiteX18" fmla="*/ 1956296 w 3921065"/>
              <a:gd name="connsiteY18" fmla="*/ 2253534 h 5167423"/>
              <a:gd name="connsiteX19" fmla="*/ 1843841 w 3921065"/>
              <a:gd name="connsiteY19" fmla="*/ 2303184 h 5167423"/>
              <a:gd name="connsiteX20" fmla="*/ 1735189 w 3921065"/>
              <a:gd name="connsiteY20" fmla="*/ 2359499 h 5167423"/>
              <a:gd name="connsiteX21" fmla="*/ 1630601 w 3921065"/>
              <a:gd name="connsiteY21" fmla="*/ 2422217 h 5167423"/>
              <a:gd name="connsiteX22" fmla="*/ 1530336 w 3921065"/>
              <a:gd name="connsiteY22" fmla="*/ 2491077 h 5167423"/>
              <a:gd name="connsiteX23" fmla="*/ 1434654 w 3921065"/>
              <a:gd name="connsiteY23" fmla="*/ 2565824 h 5167423"/>
              <a:gd name="connsiteX24" fmla="*/ 1343817 w 3921065"/>
              <a:gd name="connsiteY24" fmla="*/ 2646195 h 5167423"/>
              <a:gd name="connsiteX25" fmla="*/ 1258085 w 3921065"/>
              <a:gd name="connsiteY25" fmla="*/ 2731927 h 5167423"/>
              <a:gd name="connsiteX26" fmla="*/ 1177714 w 3921065"/>
              <a:gd name="connsiteY26" fmla="*/ 2822764 h 5167423"/>
              <a:gd name="connsiteX27" fmla="*/ 1102970 w 3921065"/>
              <a:gd name="connsiteY27" fmla="*/ 2918447 h 5167423"/>
              <a:gd name="connsiteX28" fmla="*/ 1034107 w 3921065"/>
              <a:gd name="connsiteY28" fmla="*/ 3018708 h 5167423"/>
              <a:gd name="connsiteX29" fmla="*/ 971392 w 3921065"/>
              <a:gd name="connsiteY29" fmla="*/ 3123297 h 5167423"/>
              <a:gd name="connsiteX30" fmla="*/ 915077 w 3921065"/>
              <a:gd name="connsiteY30" fmla="*/ 3231946 h 5167423"/>
              <a:gd name="connsiteX31" fmla="*/ 865430 w 3921065"/>
              <a:gd name="connsiteY31" fmla="*/ 3344398 h 5167423"/>
              <a:gd name="connsiteX32" fmla="*/ 822707 w 3921065"/>
              <a:gd name="connsiteY32" fmla="*/ 3460394 h 5167423"/>
              <a:gd name="connsiteX33" fmla="*/ 787168 w 3921065"/>
              <a:gd name="connsiteY33" fmla="*/ 3579671 h 5167423"/>
              <a:gd name="connsiteX34" fmla="*/ 759073 w 3921065"/>
              <a:gd name="connsiteY34" fmla="*/ 3701973 h 5167423"/>
              <a:gd name="connsiteX35" fmla="*/ 738683 w 3921065"/>
              <a:gd name="connsiteY35" fmla="*/ 3827036 h 5167423"/>
              <a:gd name="connsiteX36" fmla="*/ 726259 w 3921065"/>
              <a:gd name="connsiteY36" fmla="*/ 3954600 h 5167423"/>
              <a:gd name="connsiteX37" fmla="*/ 722058 w 3921065"/>
              <a:gd name="connsiteY37" fmla="*/ 4084406 h 5167423"/>
              <a:gd name="connsiteX38" fmla="*/ 727586 w 3921065"/>
              <a:gd name="connsiteY38" fmla="*/ 4233040 h 5167423"/>
              <a:gd name="connsiteX39" fmla="*/ 743899 w 3921065"/>
              <a:gd name="connsiteY39" fmla="*/ 4378657 h 5167423"/>
              <a:gd name="connsiteX40" fmla="*/ 770598 w 3921065"/>
              <a:gd name="connsiteY40" fmla="*/ 4520874 h 5167423"/>
              <a:gd name="connsiteX41" fmla="*/ 807283 w 3921065"/>
              <a:gd name="connsiteY41" fmla="*/ 4659302 h 5167423"/>
              <a:gd name="connsiteX42" fmla="*/ 853552 w 3921065"/>
              <a:gd name="connsiteY42" fmla="*/ 4793559 h 5167423"/>
              <a:gd name="connsiteX43" fmla="*/ 909006 w 3921065"/>
              <a:gd name="connsiteY43" fmla="*/ 4923253 h 5167423"/>
              <a:gd name="connsiteX44" fmla="*/ 973243 w 3921065"/>
              <a:gd name="connsiteY44" fmla="*/ 5048003 h 5167423"/>
              <a:gd name="connsiteX45" fmla="*/ 1045865 w 3921065"/>
              <a:gd name="connsiteY45" fmla="*/ 5167423 h 5167423"/>
              <a:gd name="connsiteX46" fmla="*/ 0 w 3921065"/>
              <a:gd name="connsiteY46" fmla="*/ 5167423 h 51674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</a:cxnLst>
            <a:rect l="l" t="t" r="r" b="b"/>
            <a:pathLst>
              <a:path w="3921065" h="5167423">
                <a:moveTo>
                  <a:pt x="0" y="0"/>
                </a:moveTo>
                <a:lnTo>
                  <a:pt x="3921065" y="0"/>
                </a:lnTo>
                <a:lnTo>
                  <a:pt x="3921065" y="2536581"/>
                </a:lnTo>
                <a:lnTo>
                  <a:pt x="3817466" y="2459826"/>
                </a:lnTo>
                <a:lnTo>
                  <a:pt x="3708856" y="2389809"/>
                </a:lnTo>
                <a:lnTo>
                  <a:pt x="3595539" y="2326847"/>
                </a:lnTo>
                <a:lnTo>
                  <a:pt x="3477825" y="2271256"/>
                </a:lnTo>
                <a:lnTo>
                  <a:pt x="3356020" y="2223350"/>
                </a:lnTo>
                <a:lnTo>
                  <a:pt x="3230427" y="2183443"/>
                </a:lnTo>
                <a:lnTo>
                  <a:pt x="3101356" y="2151858"/>
                </a:lnTo>
                <a:lnTo>
                  <a:pt x="2969111" y="2128904"/>
                </a:lnTo>
                <a:lnTo>
                  <a:pt x="2834002" y="2114901"/>
                </a:lnTo>
                <a:lnTo>
                  <a:pt x="2696331" y="2110163"/>
                </a:lnTo>
                <a:lnTo>
                  <a:pt x="2566519" y="2114361"/>
                </a:lnTo>
                <a:lnTo>
                  <a:pt x="2438947" y="2126785"/>
                </a:lnTo>
                <a:lnTo>
                  <a:pt x="2313881" y="2147177"/>
                </a:lnTo>
                <a:lnTo>
                  <a:pt x="2191577" y="2175272"/>
                </a:lnTo>
                <a:lnTo>
                  <a:pt x="2072294" y="2210811"/>
                </a:lnTo>
                <a:lnTo>
                  <a:pt x="1956296" y="2253534"/>
                </a:lnTo>
                <a:lnTo>
                  <a:pt x="1843841" y="2303184"/>
                </a:lnTo>
                <a:lnTo>
                  <a:pt x="1735189" y="2359499"/>
                </a:lnTo>
                <a:lnTo>
                  <a:pt x="1630601" y="2422217"/>
                </a:lnTo>
                <a:lnTo>
                  <a:pt x="1530336" y="2491077"/>
                </a:lnTo>
                <a:lnTo>
                  <a:pt x="1434654" y="2565824"/>
                </a:lnTo>
                <a:lnTo>
                  <a:pt x="1343817" y="2646195"/>
                </a:lnTo>
                <a:lnTo>
                  <a:pt x="1258085" y="2731927"/>
                </a:lnTo>
                <a:lnTo>
                  <a:pt x="1177714" y="2822764"/>
                </a:lnTo>
                <a:lnTo>
                  <a:pt x="1102970" y="2918447"/>
                </a:lnTo>
                <a:lnTo>
                  <a:pt x="1034107" y="3018708"/>
                </a:lnTo>
                <a:lnTo>
                  <a:pt x="971392" y="3123297"/>
                </a:lnTo>
                <a:lnTo>
                  <a:pt x="915077" y="3231946"/>
                </a:lnTo>
                <a:lnTo>
                  <a:pt x="865430" y="3344398"/>
                </a:lnTo>
                <a:lnTo>
                  <a:pt x="822707" y="3460394"/>
                </a:lnTo>
                <a:lnTo>
                  <a:pt x="787168" y="3579671"/>
                </a:lnTo>
                <a:lnTo>
                  <a:pt x="759073" y="3701973"/>
                </a:lnTo>
                <a:lnTo>
                  <a:pt x="738683" y="3827036"/>
                </a:lnTo>
                <a:lnTo>
                  <a:pt x="726259" y="3954600"/>
                </a:lnTo>
                <a:lnTo>
                  <a:pt x="722058" y="4084406"/>
                </a:lnTo>
                <a:lnTo>
                  <a:pt x="727586" y="4233040"/>
                </a:lnTo>
                <a:lnTo>
                  <a:pt x="743899" y="4378657"/>
                </a:lnTo>
                <a:lnTo>
                  <a:pt x="770598" y="4520874"/>
                </a:lnTo>
                <a:lnTo>
                  <a:pt x="807283" y="4659302"/>
                </a:lnTo>
                <a:lnTo>
                  <a:pt x="853552" y="4793559"/>
                </a:lnTo>
                <a:lnTo>
                  <a:pt x="909006" y="4923253"/>
                </a:lnTo>
                <a:lnTo>
                  <a:pt x="973243" y="5048003"/>
                </a:lnTo>
                <a:lnTo>
                  <a:pt x="1045865" y="5167423"/>
                </a:lnTo>
                <a:lnTo>
                  <a:pt x="0" y="516742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Picture">
            <a:extLst>
              <a:ext uri="{FF2B5EF4-FFF2-40B4-BE49-F238E27FC236}">
                <a16:creationId xmlns:a16="http://schemas.microsoft.com/office/drawing/2014/main" id="{CFAE58DD-B552-4A7A-A679-6CDE6E5456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3" name="Main Text">
            <a:extLst>
              <a:ext uri="{FF2B5EF4-FFF2-40B4-BE49-F238E27FC236}">
                <a16:creationId xmlns:a16="http://schemas.microsoft.com/office/drawing/2014/main" id="{33F6A1CF-1FA1-410A-B46A-1FD44DEF0B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7" name="Subtitle">
            <a:extLst>
              <a:ext uri="{FF2B5EF4-FFF2-40B4-BE49-F238E27FC236}">
                <a16:creationId xmlns:a16="http://schemas.microsoft.com/office/drawing/2014/main" id="{D0DFDC3E-B5CC-433A-AD66-6AD92F0C2AA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MAIN HEADLINE">
            <a:extLst>
              <a:ext uri="{FF2B5EF4-FFF2-40B4-BE49-F238E27FC236}">
                <a16:creationId xmlns:a16="http://schemas.microsoft.com/office/drawing/2014/main" id="{40E21377-8593-41A9-BD25-1CCD071284E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9" name="Border">
            <a:extLst>
              <a:ext uri="{FF2B5EF4-FFF2-40B4-BE49-F238E27FC236}">
                <a16:creationId xmlns:a16="http://schemas.microsoft.com/office/drawing/2014/main" id="{4B155990-18E9-4CCE-A66A-2C57439BA5D9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24811488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2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hape">
            <a:extLst>
              <a:ext uri="{FF2B5EF4-FFF2-40B4-BE49-F238E27FC236}">
                <a16:creationId xmlns:a16="http://schemas.microsoft.com/office/drawing/2014/main" id="{438AF0CE-A5AD-4277-9B3D-C340B49A2861}"/>
              </a:ext>
            </a:extLst>
          </p:cNvPr>
          <p:cNvSpPr/>
          <p:nvPr userDrawn="1"/>
        </p:nvSpPr>
        <p:spPr>
          <a:xfrm>
            <a:off x="-1" y="5679487"/>
            <a:ext cx="4868535" cy="5013913"/>
          </a:xfrm>
          <a:custGeom>
            <a:avLst/>
            <a:gdLst>
              <a:gd name="connsiteX0" fmla="*/ 1914142 w 4868535"/>
              <a:gd name="connsiteY0" fmla="*/ 0 h 5013913"/>
              <a:gd name="connsiteX1" fmla="*/ 1914143 w 4868535"/>
              <a:gd name="connsiteY1" fmla="*/ 3009741 h 5013913"/>
              <a:gd name="connsiteX2" fmla="*/ 4868535 w 4868535"/>
              <a:gd name="connsiteY2" fmla="*/ 3009743 h 5013913"/>
              <a:gd name="connsiteX3" fmla="*/ 2770849 w 4868535"/>
              <a:gd name="connsiteY3" fmla="*/ 5013912 h 5013913"/>
              <a:gd name="connsiteX4" fmla="*/ 0 w 4868535"/>
              <a:gd name="connsiteY4" fmla="*/ 5013913 h 5013913"/>
              <a:gd name="connsiteX5" fmla="*/ 0 w 4868535"/>
              <a:gd name="connsiteY5" fmla="*/ 1828809 h 50139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868535" h="5013913">
                <a:moveTo>
                  <a:pt x="1914142" y="0"/>
                </a:moveTo>
                <a:lnTo>
                  <a:pt x="1914143" y="3009741"/>
                </a:lnTo>
                <a:lnTo>
                  <a:pt x="4868535" y="3009743"/>
                </a:lnTo>
                <a:lnTo>
                  <a:pt x="2770849" y="5013912"/>
                </a:lnTo>
                <a:lnTo>
                  <a:pt x="0" y="5013913"/>
                </a:lnTo>
                <a:lnTo>
                  <a:pt x="0" y="1828809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1051A52E-8C33-4A14-8BA5-7ECCE55945E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Subtitle">
            <a:extLst>
              <a:ext uri="{FF2B5EF4-FFF2-40B4-BE49-F238E27FC236}">
                <a16:creationId xmlns:a16="http://schemas.microsoft.com/office/drawing/2014/main" id="{B72ED208-17ED-48DB-94AE-5181B650017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079BA4FE-C0A1-4662-BDCE-4CFAA1BD266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27638137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22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15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hape">
            <a:extLst>
              <a:ext uri="{FF2B5EF4-FFF2-40B4-BE49-F238E27FC236}">
                <a16:creationId xmlns:a16="http://schemas.microsoft.com/office/drawing/2014/main" id="{BC4CA1DC-DE40-4170-AD2E-A7AF0EBF9760}"/>
              </a:ext>
            </a:extLst>
          </p:cNvPr>
          <p:cNvSpPr/>
          <p:nvPr userDrawn="1"/>
        </p:nvSpPr>
        <p:spPr>
          <a:xfrm rot="10800000">
            <a:off x="4581985" y="6839177"/>
            <a:ext cx="2924603" cy="3854223"/>
          </a:xfrm>
          <a:custGeom>
            <a:avLst/>
            <a:gdLst>
              <a:gd name="connsiteX0" fmla="*/ 0 w 3921065"/>
              <a:gd name="connsiteY0" fmla="*/ 0 h 5167423"/>
              <a:gd name="connsiteX1" fmla="*/ 3921065 w 3921065"/>
              <a:gd name="connsiteY1" fmla="*/ 0 h 5167423"/>
              <a:gd name="connsiteX2" fmla="*/ 3921065 w 3921065"/>
              <a:gd name="connsiteY2" fmla="*/ 2536581 h 5167423"/>
              <a:gd name="connsiteX3" fmla="*/ 3817466 w 3921065"/>
              <a:gd name="connsiteY3" fmla="*/ 2459826 h 5167423"/>
              <a:gd name="connsiteX4" fmla="*/ 3708856 w 3921065"/>
              <a:gd name="connsiteY4" fmla="*/ 2389809 h 5167423"/>
              <a:gd name="connsiteX5" fmla="*/ 3595539 w 3921065"/>
              <a:gd name="connsiteY5" fmla="*/ 2326847 h 5167423"/>
              <a:gd name="connsiteX6" fmla="*/ 3477825 w 3921065"/>
              <a:gd name="connsiteY6" fmla="*/ 2271256 h 5167423"/>
              <a:gd name="connsiteX7" fmla="*/ 3356020 w 3921065"/>
              <a:gd name="connsiteY7" fmla="*/ 2223350 h 5167423"/>
              <a:gd name="connsiteX8" fmla="*/ 3230427 w 3921065"/>
              <a:gd name="connsiteY8" fmla="*/ 2183443 h 5167423"/>
              <a:gd name="connsiteX9" fmla="*/ 3101356 w 3921065"/>
              <a:gd name="connsiteY9" fmla="*/ 2151858 h 5167423"/>
              <a:gd name="connsiteX10" fmla="*/ 2969111 w 3921065"/>
              <a:gd name="connsiteY10" fmla="*/ 2128904 h 5167423"/>
              <a:gd name="connsiteX11" fmla="*/ 2834002 w 3921065"/>
              <a:gd name="connsiteY11" fmla="*/ 2114901 h 5167423"/>
              <a:gd name="connsiteX12" fmla="*/ 2696331 w 3921065"/>
              <a:gd name="connsiteY12" fmla="*/ 2110163 h 5167423"/>
              <a:gd name="connsiteX13" fmla="*/ 2566519 w 3921065"/>
              <a:gd name="connsiteY13" fmla="*/ 2114361 h 5167423"/>
              <a:gd name="connsiteX14" fmla="*/ 2438947 w 3921065"/>
              <a:gd name="connsiteY14" fmla="*/ 2126785 h 5167423"/>
              <a:gd name="connsiteX15" fmla="*/ 2313881 w 3921065"/>
              <a:gd name="connsiteY15" fmla="*/ 2147177 h 5167423"/>
              <a:gd name="connsiteX16" fmla="*/ 2191577 w 3921065"/>
              <a:gd name="connsiteY16" fmla="*/ 2175272 h 5167423"/>
              <a:gd name="connsiteX17" fmla="*/ 2072294 w 3921065"/>
              <a:gd name="connsiteY17" fmla="*/ 2210811 h 5167423"/>
              <a:gd name="connsiteX18" fmla="*/ 1956296 w 3921065"/>
              <a:gd name="connsiteY18" fmla="*/ 2253534 h 5167423"/>
              <a:gd name="connsiteX19" fmla="*/ 1843841 w 3921065"/>
              <a:gd name="connsiteY19" fmla="*/ 2303184 h 5167423"/>
              <a:gd name="connsiteX20" fmla="*/ 1735189 w 3921065"/>
              <a:gd name="connsiteY20" fmla="*/ 2359499 h 5167423"/>
              <a:gd name="connsiteX21" fmla="*/ 1630601 w 3921065"/>
              <a:gd name="connsiteY21" fmla="*/ 2422217 h 5167423"/>
              <a:gd name="connsiteX22" fmla="*/ 1530336 w 3921065"/>
              <a:gd name="connsiteY22" fmla="*/ 2491077 h 5167423"/>
              <a:gd name="connsiteX23" fmla="*/ 1434654 w 3921065"/>
              <a:gd name="connsiteY23" fmla="*/ 2565824 h 5167423"/>
              <a:gd name="connsiteX24" fmla="*/ 1343817 w 3921065"/>
              <a:gd name="connsiteY24" fmla="*/ 2646195 h 5167423"/>
              <a:gd name="connsiteX25" fmla="*/ 1258085 w 3921065"/>
              <a:gd name="connsiteY25" fmla="*/ 2731927 h 5167423"/>
              <a:gd name="connsiteX26" fmla="*/ 1177714 w 3921065"/>
              <a:gd name="connsiteY26" fmla="*/ 2822764 h 5167423"/>
              <a:gd name="connsiteX27" fmla="*/ 1102970 w 3921065"/>
              <a:gd name="connsiteY27" fmla="*/ 2918447 h 5167423"/>
              <a:gd name="connsiteX28" fmla="*/ 1034107 w 3921065"/>
              <a:gd name="connsiteY28" fmla="*/ 3018708 h 5167423"/>
              <a:gd name="connsiteX29" fmla="*/ 971392 w 3921065"/>
              <a:gd name="connsiteY29" fmla="*/ 3123297 h 5167423"/>
              <a:gd name="connsiteX30" fmla="*/ 915077 w 3921065"/>
              <a:gd name="connsiteY30" fmla="*/ 3231946 h 5167423"/>
              <a:gd name="connsiteX31" fmla="*/ 865430 w 3921065"/>
              <a:gd name="connsiteY31" fmla="*/ 3344398 h 5167423"/>
              <a:gd name="connsiteX32" fmla="*/ 822707 w 3921065"/>
              <a:gd name="connsiteY32" fmla="*/ 3460394 h 5167423"/>
              <a:gd name="connsiteX33" fmla="*/ 787168 w 3921065"/>
              <a:gd name="connsiteY33" fmla="*/ 3579671 h 5167423"/>
              <a:gd name="connsiteX34" fmla="*/ 759073 w 3921065"/>
              <a:gd name="connsiteY34" fmla="*/ 3701973 h 5167423"/>
              <a:gd name="connsiteX35" fmla="*/ 738683 w 3921065"/>
              <a:gd name="connsiteY35" fmla="*/ 3827036 h 5167423"/>
              <a:gd name="connsiteX36" fmla="*/ 726259 w 3921065"/>
              <a:gd name="connsiteY36" fmla="*/ 3954600 h 5167423"/>
              <a:gd name="connsiteX37" fmla="*/ 722058 w 3921065"/>
              <a:gd name="connsiteY37" fmla="*/ 4084406 h 5167423"/>
              <a:gd name="connsiteX38" fmla="*/ 727586 w 3921065"/>
              <a:gd name="connsiteY38" fmla="*/ 4233040 h 5167423"/>
              <a:gd name="connsiteX39" fmla="*/ 743899 w 3921065"/>
              <a:gd name="connsiteY39" fmla="*/ 4378657 h 5167423"/>
              <a:gd name="connsiteX40" fmla="*/ 770598 w 3921065"/>
              <a:gd name="connsiteY40" fmla="*/ 4520874 h 5167423"/>
              <a:gd name="connsiteX41" fmla="*/ 807283 w 3921065"/>
              <a:gd name="connsiteY41" fmla="*/ 4659302 h 5167423"/>
              <a:gd name="connsiteX42" fmla="*/ 853552 w 3921065"/>
              <a:gd name="connsiteY42" fmla="*/ 4793559 h 5167423"/>
              <a:gd name="connsiteX43" fmla="*/ 909006 w 3921065"/>
              <a:gd name="connsiteY43" fmla="*/ 4923253 h 5167423"/>
              <a:gd name="connsiteX44" fmla="*/ 973243 w 3921065"/>
              <a:gd name="connsiteY44" fmla="*/ 5048003 h 5167423"/>
              <a:gd name="connsiteX45" fmla="*/ 1045865 w 3921065"/>
              <a:gd name="connsiteY45" fmla="*/ 5167423 h 5167423"/>
              <a:gd name="connsiteX46" fmla="*/ 0 w 3921065"/>
              <a:gd name="connsiteY46" fmla="*/ 5167423 h 51674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</a:cxnLst>
            <a:rect l="l" t="t" r="r" b="b"/>
            <a:pathLst>
              <a:path w="3921065" h="5167423">
                <a:moveTo>
                  <a:pt x="0" y="0"/>
                </a:moveTo>
                <a:lnTo>
                  <a:pt x="3921065" y="0"/>
                </a:lnTo>
                <a:lnTo>
                  <a:pt x="3921065" y="2536581"/>
                </a:lnTo>
                <a:lnTo>
                  <a:pt x="3817466" y="2459826"/>
                </a:lnTo>
                <a:lnTo>
                  <a:pt x="3708856" y="2389809"/>
                </a:lnTo>
                <a:lnTo>
                  <a:pt x="3595539" y="2326847"/>
                </a:lnTo>
                <a:lnTo>
                  <a:pt x="3477825" y="2271256"/>
                </a:lnTo>
                <a:lnTo>
                  <a:pt x="3356020" y="2223350"/>
                </a:lnTo>
                <a:lnTo>
                  <a:pt x="3230427" y="2183443"/>
                </a:lnTo>
                <a:lnTo>
                  <a:pt x="3101356" y="2151858"/>
                </a:lnTo>
                <a:lnTo>
                  <a:pt x="2969111" y="2128904"/>
                </a:lnTo>
                <a:lnTo>
                  <a:pt x="2834002" y="2114901"/>
                </a:lnTo>
                <a:lnTo>
                  <a:pt x="2696331" y="2110163"/>
                </a:lnTo>
                <a:lnTo>
                  <a:pt x="2566519" y="2114361"/>
                </a:lnTo>
                <a:lnTo>
                  <a:pt x="2438947" y="2126785"/>
                </a:lnTo>
                <a:lnTo>
                  <a:pt x="2313881" y="2147177"/>
                </a:lnTo>
                <a:lnTo>
                  <a:pt x="2191577" y="2175272"/>
                </a:lnTo>
                <a:lnTo>
                  <a:pt x="2072294" y="2210811"/>
                </a:lnTo>
                <a:lnTo>
                  <a:pt x="1956296" y="2253534"/>
                </a:lnTo>
                <a:lnTo>
                  <a:pt x="1843841" y="2303184"/>
                </a:lnTo>
                <a:lnTo>
                  <a:pt x="1735189" y="2359499"/>
                </a:lnTo>
                <a:lnTo>
                  <a:pt x="1630601" y="2422217"/>
                </a:lnTo>
                <a:lnTo>
                  <a:pt x="1530336" y="2491077"/>
                </a:lnTo>
                <a:lnTo>
                  <a:pt x="1434654" y="2565824"/>
                </a:lnTo>
                <a:lnTo>
                  <a:pt x="1343817" y="2646195"/>
                </a:lnTo>
                <a:lnTo>
                  <a:pt x="1258085" y="2731927"/>
                </a:lnTo>
                <a:lnTo>
                  <a:pt x="1177714" y="2822764"/>
                </a:lnTo>
                <a:lnTo>
                  <a:pt x="1102970" y="2918447"/>
                </a:lnTo>
                <a:lnTo>
                  <a:pt x="1034107" y="3018708"/>
                </a:lnTo>
                <a:lnTo>
                  <a:pt x="971392" y="3123297"/>
                </a:lnTo>
                <a:lnTo>
                  <a:pt x="915077" y="3231946"/>
                </a:lnTo>
                <a:lnTo>
                  <a:pt x="865430" y="3344398"/>
                </a:lnTo>
                <a:lnTo>
                  <a:pt x="822707" y="3460394"/>
                </a:lnTo>
                <a:lnTo>
                  <a:pt x="787168" y="3579671"/>
                </a:lnTo>
                <a:lnTo>
                  <a:pt x="759073" y="3701973"/>
                </a:lnTo>
                <a:lnTo>
                  <a:pt x="738683" y="3827036"/>
                </a:lnTo>
                <a:lnTo>
                  <a:pt x="726259" y="3954600"/>
                </a:lnTo>
                <a:lnTo>
                  <a:pt x="722058" y="4084406"/>
                </a:lnTo>
                <a:lnTo>
                  <a:pt x="727586" y="4233040"/>
                </a:lnTo>
                <a:lnTo>
                  <a:pt x="743899" y="4378657"/>
                </a:lnTo>
                <a:lnTo>
                  <a:pt x="770598" y="4520874"/>
                </a:lnTo>
                <a:lnTo>
                  <a:pt x="807283" y="4659302"/>
                </a:lnTo>
                <a:lnTo>
                  <a:pt x="853552" y="4793559"/>
                </a:lnTo>
                <a:lnTo>
                  <a:pt x="909006" y="4923253"/>
                </a:lnTo>
                <a:lnTo>
                  <a:pt x="973243" y="5048003"/>
                </a:lnTo>
                <a:lnTo>
                  <a:pt x="1045865" y="5167423"/>
                </a:lnTo>
                <a:lnTo>
                  <a:pt x="0" y="516742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Main Text">
            <a:extLst>
              <a:ext uri="{FF2B5EF4-FFF2-40B4-BE49-F238E27FC236}">
                <a16:creationId xmlns:a16="http://schemas.microsoft.com/office/drawing/2014/main" id="{60452198-DE08-4187-862C-4C7759ECBAD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2" name="Subtitle">
            <a:extLst>
              <a:ext uri="{FF2B5EF4-FFF2-40B4-BE49-F238E27FC236}">
                <a16:creationId xmlns:a16="http://schemas.microsoft.com/office/drawing/2014/main" id="{C2DD5B70-6C4E-4C94-BD2C-EF0BAA6E47E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6" name="MAIN HEADLINE">
            <a:extLst>
              <a:ext uri="{FF2B5EF4-FFF2-40B4-BE49-F238E27FC236}">
                <a16:creationId xmlns:a16="http://schemas.microsoft.com/office/drawing/2014/main" id="{5FAD494F-CE03-4A59-8540-7ECC494A50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7" name="Border">
            <a:extLst>
              <a:ext uri="{FF2B5EF4-FFF2-40B4-BE49-F238E27FC236}">
                <a16:creationId xmlns:a16="http://schemas.microsoft.com/office/drawing/2014/main" id="{D1B60347-347E-442B-9BF2-1F85EDF67C71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25159366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Main Text">
            <a:extLst>
              <a:ext uri="{FF2B5EF4-FFF2-40B4-BE49-F238E27FC236}">
                <a16:creationId xmlns:a16="http://schemas.microsoft.com/office/drawing/2014/main" id="{FD640FE5-2C45-4601-9FBA-2FCCB291EE1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3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4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5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6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rgbClr val="8E3F9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tx2"/>
                </a:solidFill>
              </a:defRPr>
            </a:lvl9pPr>
          </a:lstStyle>
          <a:p>
            <a:pPr lvl="1"/>
            <a:r>
              <a:rPr lang="en-US" dirty="0"/>
              <a:t>Insert sub text here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8E001532-AEEF-474F-9B0F-C7452B8437D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3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4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5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6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rgbClr val="8E3F9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tx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MAIN HEADLINE">
            <a:extLst>
              <a:ext uri="{FF2B5EF4-FFF2-40B4-BE49-F238E27FC236}">
                <a16:creationId xmlns:a16="http://schemas.microsoft.com/office/drawing/2014/main" id="{F11267C2-0247-496A-90EF-1EBF81F6FE5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</a:t>
            </a:r>
          </a:p>
          <a:p>
            <a:pPr lvl="0"/>
            <a:r>
              <a:rPr lang="en-US" dirty="0"/>
              <a:t>title </a:t>
            </a:r>
          </a:p>
          <a:p>
            <a:pPr lvl="0"/>
            <a:r>
              <a:rPr lang="en-US" dirty="0"/>
              <a:t>here</a:t>
            </a:r>
            <a:endParaRPr lang="en-GB" dirty="0"/>
          </a:p>
        </p:txBody>
      </p:sp>
      <p:sp>
        <p:nvSpPr>
          <p:cNvPr id="6" name="Border">
            <a:extLst>
              <a:ext uri="{FF2B5EF4-FFF2-40B4-BE49-F238E27FC236}">
                <a16:creationId xmlns:a16="http://schemas.microsoft.com/office/drawing/2014/main" id="{E681039C-A769-4F61-BE2B-94FE88F4CD4C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8392553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2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E112E7AE-79A9-461E-8404-22BF1400F61C}"/>
              </a:ext>
            </a:extLst>
          </p:cNvPr>
          <p:cNvSpPr/>
          <p:nvPr userDrawn="1"/>
        </p:nvSpPr>
        <p:spPr>
          <a:xfrm>
            <a:off x="-1" y="5679487"/>
            <a:ext cx="4868535" cy="5013913"/>
          </a:xfrm>
          <a:custGeom>
            <a:avLst/>
            <a:gdLst>
              <a:gd name="connsiteX0" fmla="*/ 1914142 w 4868535"/>
              <a:gd name="connsiteY0" fmla="*/ 0 h 5013913"/>
              <a:gd name="connsiteX1" fmla="*/ 1914143 w 4868535"/>
              <a:gd name="connsiteY1" fmla="*/ 3009741 h 5013913"/>
              <a:gd name="connsiteX2" fmla="*/ 4868535 w 4868535"/>
              <a:gd name="connsiteY2" fmla="*/ 3009743 h 5013913"/>
              <a:gd name="connsiteX3" fmla="*/ 2770849 w 4868535"/>
              <a:gd name="connsiteY3" fmla="*/ 5013912 h 5013913"/>
              <a:gd name="connsiteX4" fmla="*/ 0 w 4868535"/>
              <a:gd name="connsiteY4" fmla="*/ 5013913 h 5013913"/>
              <a:gd name="connsiteX5" fmla="*/ 0 w 4868535"/>
              <a:gd name="connsiteY5" fmla="*/ 1828809 h 50139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868535" h="5013913">
                <a:moveTo>
                  <a:pt x="1914142" y="0"/>
                </a:moveTo>
                <a:lnTo>
                  <a:pt x="1914143" y="3009741"/>
                </a:lnTo>
                <a:lnTo>
                  <a:pt x="4868535" y="3009743"/>
                </a:lnTo>
                <a:lnTo>
                  <a:pt x="2770849" y="5013912"/>
                </a:lnTo>
                <a:lnTo>
                  <a:pt x="0" y="5013913"/>
                </a:lnTo>
                <a:lnTo>
                  <a:pt x="0" y="1828809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Picture"/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9" name="Main Text">
            <a:extLst>
              <a:ext uri="{FF2B5EF4-FFF2-40B4-BE49-F238E27FC236}">
                <a16:creationId xmlns:a16="http://schemas.microsoft.com/office/drawing/2014/main" id="{3EB16D09-C0CE-4D83-92F9-CF0C1E63C6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20" name="Subtitle">
            <a:extLst>
              <a:ext uri="{FF2B5EF4-FFF2-40B4-BE49-F238E27FC236}">
                <a16:creationId xmlns:a16="http://schemas.microsoft.com/office/drawing/2014/main" id="{F844CCE9-B7A6-46FA-8C53-DD93B7AEFC9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2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MAIN HEADLINE">
            <a:extLst>
              <a:ext uri="{FF2B5EF4-FFF2-40B4-BE49-F238E27FC236}">
                <a16:creationId xmlns:a16="http://schemas.microsoft.com/office/drawing/2014/main" id="{CEEC0C43-6E7B-437A-B3E4-E0B273B676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10" name="Border">
            <a:extLst>
              <a:ext uri="{FF2B5EF4-FFF2-40B4-BE49-F238E27FC236}">
                <a16:creationId xmlns:a16="http://schemas.microsoft.com/office/drawing/2014/main" id="{D5988514-6C4C-44F7-833B-ACE389EBE4A2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637832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2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hape">
            <a:extLst>
              <a:ext uri="{FF2B5EF4-FFF2-40B4-BE49-F238E27FC236}">
                <a16:creationId xmlns:a16="http://schemas.microsoft.com/office/drawing/2014/main" id="{0322554A-72FE-4997-AA50-39F17194274B}"/>
              </a:ext>
            </a:extLst>
          </p:cNvPr>
          <p:cNvSpPr/>
          <p:nvPr userDrawn="1"/>
        </p:nvSpPr>
        <p:spPr>
          <a:xfrm>
            <a:off x="-1" y="5679487"/>
            <a:ext cx="4868535" cy="5013913"/>
          </a:xfrm>
          <a:custGeom>
            <a:avLst/>
            <a:gdLst>
              <a:gd name="connsiteX0" fmla="*/ 1914142 w 4868535"/>
              <a:gd name="connsiteY0" fmla="*/ 0 h 5013913"/>
              <a:gd name="connsiteX1" fmla="*/ 1914143 w 4868535"/>
              <a:gd name="connsiteY1" fmla="*/ 3009741 h 5013913"/>
              <a:gd name="connsiteX2" fmla="*/ 4868535 w 4868535"/>
              <a:gd name="connsiteY2" fmla="*/ 3009743 h 5013913"/>
              <a:gd name="connsiteX3" fmla="*/ 2770849 w 4868535"/>
              <a:gd name="connsiteY3" fmla="*/ 5013912 h 5013913"/>
              <a:gd name="connsiteX4" fmla="*/ 0 w 4868535"/>
              <a:gd name="connsiteY4" fmla="*/ 5013913 h 5013913"/>
              <a:gd name="connsiteX5" fmla="*/ 0 w 4868535"/>
              <a:gd name="connsiteY5" fmla="*/ 1828809 h 50139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868535" h="5013913">
                <a:moveTo>
                  <a:pt x="1914142" y="0"/>
                </a:moveTo>
                <a:lnTo>
                  <a:pt x="1914143" y="3009741"/>
                </a:lnTo>
                <a:lnTo>
                  <a:pt x="4868535" y="3009743"/>
                </a:lnTo>
                <a:lnTo>
                  <a:pt x="2770849" y="5013912"/>
                </a:lnTo>
                <a:lnTo>
                  <a:pt x="0" y="5013913"/>
                </a:lnTo>
                <a:lnTo>
                  <a:pt x="0" y="1828809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Main Text">
            <a:extLst>
              <a:ext uri="{FF2B5EF4-FFF2-40B4-BE49-F238E27FC236}">
                <a16:creationId xmlns:a16="http://schemas.microsoft.com/office/drawing/2014/main" id="{F2B5E9BF-9640-4B24-9FBD-89C3B74ECC9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663782" y="4237064"/>
            <a:ext cx="3060868" cy="1901725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3" name="Subtitle">
            <a:extLst>
              <a:ext uri="{FF2B5EF4-FFF2-40B4-BE49-F238E27FC236}">
                <a16:creationId xmlns:a16="http://schemas.microsoft.com/office/drawing/2014/main" id="{93EDFF4C-7CCE-4CD4-BDD8-C24A402EBE0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19535" y="4819817"/>
            <a:ext cx="2529049" cy="526884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4" name="MAIN HEADLINE">
            <a:extLst>
              <a:ext uri="{FF2B5EF4-FFF2-40B4-BE49-F238E27FC236}">
                <a16:creationId xmlns:a16="http://schemas.microsoft.com/office/drawing/2014/main" id="{5315A58C-FC5E-4453-AFCD-AF1E5CD773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28675" y="3132731"/>
            <a:ext cx="2519909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4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16" name="Border">
            <a:extLst>
              <a:ext uri="{FF2B5EF4-FFF2-40B4-BE49-F238E27FC236}">
                <a16:creationId xmlns:a16="http://schemas.microsoft.com/office/drawing/2014/main" id="{357FE760-F2C0-44E1-9A51-E3FA981B97A3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3929781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  <p15:guide id="12" orient="horz" pos="2688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M Poster - Style 03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hape">
            <a:extLst>
              <a:ext uri="{FF2B5EF4-FFF2-40B4-BE49-F238E27FC236}">
                <a16:creationId xmlns:a16="http://schemas.microsoft.com/office/drawing/2014/main" id="{D492E85B-63BA-4014-A893-7C82C6F41549}"/>
              </a:ext>
            </a:extLst>
          </p:cNvPr>
          <p:cNvSpPr/>
          <p:nvPr userDrawn="1"/>
        </p:nvSpPr>
        <p:spPr>
          <a:xfrm>
            <a:off x="2985870" y="-2619"/>
            <a:ext cx="4575395" cy="4489322"/>
          </a:xfrm>
          <a:custGeom>
            <a:avLst/>
            <a:gdLst>
              <a:gd name="connsiteX0" fmla="*/ 4575394 w 4575395"/>
              <a:gd name="connsiteY0" fmla="*/ 1084933 h 4489322"/>
              <a:gd name="connsiteX1" fmla="*/ 4575395 w 4575395"/>
              <a:gd name="connsiteY1" fmla="*/ 4489322 h 4489322"/>
              <a:gd name="connsiteX2" fmla="*/ 2873200 w 4575395"/>
              <a:gd name="connsiteY2" fmla="*/ 2787127 h 4489322"/>
              <a:gd name="connsiteX3" fmla="*/ 0 w 4575395"/>
              <a:gd name="connsiteY3" fmla="*/ 0 h 4489322"/>
              <a:gd name="connsiteX4" fmla="*/ 3208764 w 4575395"/>
              <a:gd name="connsiteY4" fmla="*/ 0 h 4489322"/>
              <a:gd name="connsiteX5" fmla="*/ 1604382 w 4575395"/>
              <a:gd name="connsiteY5" fmla="*/ 1604383 h 44893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575395" h="4489322">
                <a:moveTo>
                  <a:pt x="4575394" y="1084933"/>
                </a:moveTo>
                <a:lnTo>
                  <a:pt x="4575395" y="4489322"/>
                </a:lnTo>
                <a:lnTo>
                  <a:pt x="2873200" y="2787127"/>
                </a:lnTo>
                <a:close/>
                <a:moveTo>
                  <a:pt x="0" y="0"/>
                </a:moveTo>
                <a:lnTo>
                  <a:pt x="3208764" y="0"/>
                </a:lnTo>
                <a:lnTo>
                  <a:pt x="1604382" y="1604383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Picture">
            <a:extLst>
              <a:ext uri="{FF2B5EF4-FFF2-40B4-BE49-F238E27FC236}">
                <a16:creationId xmlns:a16="http://schemas.microsoft.com/office/drawing/2014/main" id="{49C684FE-F8DC-49EE-A3AC-EBB441D2B97A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66725" y="6931570"/>
            <a:ext cx="6626225" cy="331098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17" name="Main Text">
            <a:extLst>
              <a:ext uri="{FF2B5EF4-FFF2-40B4-BE49-F238E27FC236}">
                <a16:creationId xmlns:a16="http://schemas.microsoft.com/office/drawing/2014/main" id="{873F6F0F-AEEC-4881-A7C8-D455F53C23D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2408239" y="5533207"/>
            <a:ext cx="4291531" cy="110963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aseline="0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6pPr>
            <a:lvl7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7pPr>
            <a:lvl8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8pPr>
            <a:lvl9pPr marL="0" indent="0">
              <a:lnSpc>
                <a:spcPct val="100000"/>
              </a:lnSpc>
              <a:spcBef>
                <a:spcPts val="300"/>
              </a:spcBef>
              <a:buNone/>
              <a:defRPr sz="12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8D5D5138-5C81-4E77-A7AA-DB1E8730E9BF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408239" y="4807117"/>
            <a:ext cx="4291532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baseline="0">
                <a:solidFill>
                  <a:schemeClr val="accent1"/>
                </a:solidFill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6pPr>
            <a:lvl7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7pPr>
            <a:lvl8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8pPr>
            <a:lvl9pPr marL="0" indent="0">
              <a:lnSpc>
                <a:spcPct val="90000"/>
              </a:lnSpc>
              <a:spcBef>
                <a:spcPts val="300"/>
              </a:spcBef>
              <a:buNone/>
              <a:defRPr sz="2000">
                <a:solidFill>
                  <a:schemeClr val="accent1"/>
                </a:solidFill>
              </a:defRPr>
            </a:lvl9pPr>
          </a:lstStyle>
          <a:p>
            <a:pPr lvl="0"/>
            <a:r>
              <a:rPr lang="en-US" dirty="0"/>
              <a:t>Insert sub text here</a:t>
            </a:r>
          </a:p>
        </p:txBody>
      </p:sp>
      <p:sp>
        <p:nvSpPr>
          <p:cNvPr id="19" name="MAIN HEADLINE">
            <a:extLst>
              <a:ext uri="{FF2B5EF4-FFF2-40B4-BE49-F238E27FC236}">
                <a16:creationId xmlns:a16="http://schemas.microsoft.com/office/drawing/2014/main" id="{7A0788BD-012D-4EF3-BB92-4DCE22F037F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408239" y="3132731"/>
            <a:ext cx="4291531" cy="151288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>
                <a:latin typeface="+mn-lt"/>
                <a:cs typeface="Arial" panose="020B0604020202020204" pitchFamily="34" charset="0"/>
              </a:defRPr>
            </a:lvl1pPr>
            <a:lvl2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2pPr>
            <a:lvl3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3pPr>
            <a:lvl4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4pPr>
            <a:lvl5pPr marL="0" indent="0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>
                <a:latin typeface="+mn-lt"/>
              </a:defRPr>
            </a:lvl5pPr>
            <a:lvl6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6pPr>
            <a:lvl7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7pPr>
            <a:lvl8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8pPr>
            <a:lvl9pPr marL="0" indent="0">
              <a:lnSpc>
                <a:spcPct val="80000"/>
              </a:lnSpc>
              <a:spcBef>
                <a:spcPts val="300"/>
              </a:spcBef>
              <a:buNone/>
              <a:defRPr sz="5000" b="0">
                <a:latin typeface="+mn-lt"/>
              </a:defRPr>
            </a:lvl9pPr>
          </a:lstStyle>
          <a:p>
            <a:pPr lvl="0"/>
            <a:r>
              <a:rPr lang="en-US" dirty="0"/>
              <a:t>Insert title here</a:t>
            </a:r>
          </a:p>
        </p:txBody>
      </p:sp>
      <p:sp>
        <p:nvSpPr>
          <p:cNvPr id="20" name="Border">
            <a:extLst>
              <a:ext uri="{FF2B5EF4-FFF2-40B4-BE49-F238E27FC236}">
                <a16:creationId xmlns:a16="http://schemas.microsoft.com/office/drawing/2014/main" id="{09FAC755-A6D4-4EA9-A115-15660EA4917E}"/>
              </a:ext>
            </a:extLst>
          </p:cNvPr>
          <p:cNvSpPr/>
          <p:nvPr userDrawn="1"/>
        </p:nvSpPr>
        <p:spPr>
          <a:xfrm>
            <a:off x="0" y="1400"/>
            <a:ext cx="7560000" cy="10692000"/>
          </a:xfrm>
          <a:custGeom>
            <a:avLst/>
            <a:gdLst>
              <a:gd name="connsiteX0" fmla="*/ 466888 w 7560000"/>
              <a:gd name="connsiteY0" fmla="*/ 449450 h 10692000"/>
              <a:gd name="connsiteX1" fmla="*/ 466888 w 7560000"/>
              <a:gd name="connsiteY1" fmla="*/ 10241150 h 10692000"/>
              <a:gd name="connsiteX2" fmla="*/ 7093113 w 7560000"/>
              <a:gd name="connsiteY2" fmla="*/ 10241150 h 10692000"/>
              <a:gd name="connsiteX3" fmla="*/ 7093113 w 7560000"/>
              <a:gd name="connsiteY3" fmla="*/ 449450 h 10692000"/>
              <a:gd name="connsiteX4" fmla="*/ 0 w 7560000"/>
              <a:gd name="connsiteY4" fmla="*/ 0 h 10692000"/>
              <a:gd name="connsiteX5" fmla="*/ 7560000 w 7560000"/>
              <a:gd name="connsiteY5" fmla="*/ 0 h 10692000"/>
              <a:gd name="connsiteX6" fmla="*/ 7560000 w 7560000"/>
              <a:gd name="connsiteY6" fmla="*/ 10692000 h 10692000"/>
              <a:gd name="connsiteX7" fmla="*/ 0 w 7560000"/>
              <a:gd name="connsiteY7" fmla="*/ 10692000 h 106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7560000" h="10692000">
                <a:moveTo>
                  <a:pt x="466888" y="449450"/>
                </a:moveTo>
                <a:lnTo>
                  <a:pt x="466888" y="10241150"/>
                </a:lnTo>
                <a:lnTo>
                  <a:pt x="7093113" y="10241150"/>
                </a:lnTo>
                <a:lnTo>
                  <a:pt x="7093113" y="449450"/>
                </a:lnTo>
                <a:close/>
                <a:moveTo>
                  <a:pt x="0" y="0"/>
                </a:moveTo>
                <a:lnTo>
                  <a:pt x="7560000" y="0"/>
                </a:lnTo>
                <a:lnTo>
                  <a:pt x="7560000" y="10692000"/>
                </a:lnTo>
                <a:lnTo>
                  <a:pt x="0" y="1069200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9"/>
          </a:p>
        </p:txBody>
      </p:sp>
    </p:spTree>
    <p:extLst>
      <p:ext uri="{BB962C8B-B14F-4D97-AF65-F5344CB8AC3E}">
        <p14:creationId xmlns:p14="http://schemas.microsoft.com/office/powerpoint/2010/main" val="14256432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66">
          <p15:clr>
            <a:srgbClr val="FBAE40"/>
          </p15:clr>
        </p15:guide>
        <p15:guide id="2" pos="295">
          <p15:clr>
            <a:srgbClr val="FBAE40"/>
          </p15:clr>
        </p15:guide>
        <p15:guide id="3" pos="4468">
          <p15:clr>
            <a:srgbClr val="FBAE40"/>
          </p15:clr>
        </p15:guide>
        <p15:guide id="4" orient="horz" pos="692">
          <p15:clr>
            <a:srgbClr val="FBAE40"/>
          </p15:clr>
        </p15:guide>
        <p15:guide id="5" pos="522">
          <p15:clr>
            <a:srgbClr val="FBAE40"/>
          </p15:clr>
        </p15:guide>
        <p15:guide id="6" orient="horz" pos="964">
          <p15:clr>
            <a:srgbClr val="FBAE40"/>
          </p15:clr>
        </p15:guide>
        <p15:guide id="7" orient="horz" pos="284">
          <p15:clr>
            <a:srgbClr val="FBAE40"/>
          </p15:clr>
        </p15:guide>
        <p15:guide id="8" pos="1517">
          <p15:clr>
            <a:srgbClr val="FBAE40"/>
          </p15:clr>
        </p15:guide>
        <p15:guide id="9" pos="4236">
          <p15:clr>
            <a:srgbClr val="FBAE40"/>
          </p15:clr>
        </p15:guide>
        <p15:guide id="10" orient="horz" pos="6452">
          <p15:clr>
            <a:srgbClr val="FBAE40"/>
          </p15:clr>
        </p15:guide>
        <p15:guide id="11" orient="horz" pos="533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FAA7B4DE-477B-4E22-832F-67ACE21383C3}"/>
              </a:ext>
            </a:extLst>
          </p:cNvPr>
          <p:cNvPicPr>
            <a:picLocks noChangeAspect="1"/>
          </p:cNvPicPr>
          <p:nvPr userDrawn="1"/>
        </p:nvPicPr>
        <p:blipFill>
          <a:blip r:embed="rId6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1632" y="331738"/>
            <a:ext cx="1153740" cy="1020039"/>
          </a:xfrm>
          <a:prstGeom prst="rect">
            <a:avLst/>
          </a:prstGeom>
        </p:spPr>
      </p:pic>
      <p:grpSp>
        <p:nvGrpSpPr>
          <p:cNvPr id="12" name="Group 11">
            <a:extLst>
              <a:ext uri="{FF2B5EF4-FFF2-40B4-BE49-F238E27FC236}">
                <a16:creationId xmlns:a16="http://schemas.microsoft.com/office/drawing/2014/main" id="{651F8B3B-BE37-4835-A4C8-E25CC27F7A6F}"/>
              </a:ext>
            </a:extLst>
          </p:cNvPr>
          <p:cNvGrpSpPr/>
          <p:nvPr userDrawn="1"/>
        </p:nvGrpSpPr>
        <p:grpSpPr>
          <a:xfrm>
            <a:off x="5197519" y="730999"/>
            <a:ext cx="2134032" cy="495299"/>
            <a:chOff x="2504299" y="3141459"/>
            <a:chExt cx="2134032" cy="495299"/>
          </a:xfrm>
        </p:grpSpPr>
        <p:sp>
          <p:nvSpPr>
            <p:cNvPr id="5" name="TextBox 4">
              <a:extLst>
                <a:ext uri="{FF2B5EF4-FFF2-40B4-BE49-F238E27FC236}">
                  <a16:creationId xmlns:a16="http://schemas.microsoft.com/office/drawing/2014/main" id="{7B8063E9-F9BE-4241-924E-91AC51BDAB5F}"/>
                </a:ext>
              </a:extLst>
            </p:cNvPr>
            <p:cNvSpPr txBox="1"/>
            <p:nvPr userDrawn="1"/>
          </p:nvSpPr>
          <p:spPr>
            <a:xfrm>
              <a:off x="2572880" y="3196528"/>
              <a:ext cx="2065451" cy="400110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GB" sz="2000" b="1" dirty="0">
                  <a:solidFill>
                    <a:schemeClr val="bg1"/>
                  </a:solidFill>
                  <a:latin typeface="Proxima Nova" panose="02000506030000020004" pitchFamily="50" charset="0"/>
                </a:rPr>
                <a:t>My WELLBEING</a:t>
              </a:r>
            </a:p>
          </p:txBody>
        </p:sp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6A634CFE-D8C3-4D0B-87AB-9B5EBB011A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2504299" y="3141459"/>
              <a:ext cx="0" cy="495299"/>
            </a:xfrm>
            <a:prstGeom prst="line">
              <a:avLst/>
            </a:prstGeom>
            <a:ln w="19050">
              <a:solidFill>
                <a:schemeClr val="bg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76300649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0" r:id="rId1"/>
    <p:sldLayoutId id="2147483717" r:id="rId2"/>
    <p:sldLayoutId id="2147483718" r:id="rId3"/>
    <p:sldLayoutId id="2147483779" r:id="rId4"/>
    <p:sldLayoutId id="2147483837" r:id="rId5"/>
    <p:sldLayoutId id="2147483838" r:id="rId6"/>
    <p:sldLayoutId id="2147483839" r:id="rId7"/>
    <p:sldLayoutId id="2147483840" r:id="rId8"/>
    <p:sldLayoutId id="2147483784" r:id="rId9"/>
    <p:sldLayoutId id="2147483785" r:id="rId10"/>
    <p:sldLayoutId id="2147483786" r:id="rId11"/>
    <p:sldLayoutId id="2147483787" r:id="rId12"/>
    <p:sldLayoutId id="2147483788" r:id="rId13"/>
    <p:sldLayoutId id="2147483789" r:id="rId14"/>
    <p:sldLayoutId id="2147483790" r:id="rId15"/>
    <p:sldLayoutId id="2147483791" r:id="rId16"/>
    <p:sldLayoutId id="2147483792" r:id="rId17"/>
    <p:sldLayoutId id="2147483793" r:id="rId18"/>
    <p:sldLayoutId id="2147483794" r:id="rId19"/>
    <p:sldLayoutId id="2147483795" r:id="rId20"/>
    <p:sldLayoutId id="2147483796" r:id="rId21"/>
    <p:sldLayoutId id="2147483797" r:id="rId22"/>
    <p:sldLayoutId id="2147483798" r:id="rId23"/>
    <p:sldLayoutId id="2147483799" r:id="rId24"/>
    <p:sldLayoutId id="2147483800" r:id="rId25"/>
    <p:sldLayoutId id="2147483801" r:id="rId26"/>
    <p:sldLayoutId id="2147483802" r:id="rId27"/>
    <p:sldLayoutId id="2147483803" r:id="rId28"/>
    <p:sldLayoutId id="2147483804" r:id="rId29"/>
    <p:sldLayoutId id="2147483805" r:id="rId30"/>
    <p:sldLayoutId id="2147483806" r:id="rId31"/>
    <p:sldLayoutId id="2147483807" r:id="rId32"/>
    <p:sldLayoutId id="2147483808" r:id="rId33"/>
    <p:sldLayoutId id="2147483809" r:id="rId34"/>
    <p:sldLayoutId id="2147483810" r:id="rId35"/>
    <p:sldLayoutId id="2147483811" r:id="rId36"/>
    <p:sldLayoutId id="2147483812" r:id="rId37"/>
    <p:sldLayoutId id="2147483813" r:id="rId38"/>
    <p:sldLayoutId id="2147483814" r:id="rId39"/>
    <p:sldLayoutId id="2147483815" r:id="rId40"/>
    <p:sldLayoutId id="2147483816" r:id="rId41"/>
    <p:sldLayoutId id="2147483817" r:id="rId42"/>
    <p:sldLayoutId id="2147483818" r:id="rId43"/>
    <p:sldLayoutId id="2147483819" r:id="rId44"/>
    <p:sldLayoutId id="2147483820" r:id="rId45"/>
    <p:sldLayoutId id="2147483821" r:id="rId46"/>
    <p:sldLayoutId id="2147483822" r:id="rId47"/>
    <p:sldLayoutId id="2147483823" r:id="rId48"/>
    <p:sldLayoutId id="2147483824" r:id="rId49"/>
    <p:sldLayoutId id="2147483825" r:id="rId50"/>
    <p:sldLayoutId id="2147483826" r:id="rId51"/>
    <p:sldLayoutId id="2147483827" r:id="rId52"/>
    <p:sldLayoutId id="2147483828" r:id="rId53"/>
    <p:sldLayoutId id="2147483829" r:id="rId54"/>
    <p:sldLayoutId id="2147483830" r:id="rId55"/>
    <p:sldLayoutId id="2147483831" r:id="rId56"/>
    <p:sldLayoutId id="2147483832" r:id="rId57"/>
    <p:sldLayoutId id="2147483833" r:id="rId58"/>
    <p:sldLayoutId id="2147483834" r:id="rId59"/>
    <p:sldLayoutId id="2147483835" r:id="rId60"/>
    <p:sldLayoutId id="2147483836" r:id="rId61"/>
  </p:sldLayoutIdLst>
  <p:txStyles>
    <p:titleStyle>
      <a:lvl1pPr algn="ctr" defTabSz="914343" rtl="0" eaLnBrk="1" latinLnBrk="0" hangingPunct="1"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342879" indent="-342879" algn="l" defTabSz="914343" rtl="0" eaLnBrk="1" latinLnBrk="0" hangingPunct="1">
        <a:spcBef>
          <a:spcPct val="20000"/>
        </a:spcBef>
        <a:buFont typeface="Arial" panose="020B0604020202020204" pitchFamily="34" charset="0"/>
        <a:buChar char="•"/>
        <a:defRPr sz="3200" kern="1200">
          <a:solidFill>
            <a:schemeClr val="tx1"/>
          </a:solidFill>
          <a:latin typeface="+mn-lt"/>
          <a:ea typeface="+mn-ea"/>
          <a:cs typeface="+mn-cs"/>
        </a:defRPr>
      </a:lvl1pPr>
      <a:lvl2pPr marL="742903" indent="-285732" algn="l" defTabSz="914343" rtl="0" eaLnBrk="1" latinLnBrk="0" hangingPunct="1">
        <a:spcBef>
          <a:spcPct val="20000"/>
        </a:spcBef>
        <a:buFont typeface="Arial" panose="020B0604020202020204" pitchFamily="34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1142928" indent="-228586" algn="l" defTabSz="914343" rtl="0" eaLnBrk="1" latinLnBrk="0" hangingPunct="1">
        <a:spcBef>
          <a:spcPct val="200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100" indent="-228586" algn="l" defTabSz="914343" rtl="0" eaLnBrk="1" latinLnBrk="0" hangingPunct="1">
        <a:spcBef>
          <a:spcPct val="20000"/>
        </a:spcBef>
        <a:buFont typeface="Arial" panose="020B0604020202020204" pitchFamily="34" charset="0"/>
        <a:buChar char="–"/>
        <a:defRPr sz="20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272" indent="-228586" algn="l" defTabSz="914343" rtl="0" eaLnBrk="1" latinLnBrk="0" hangingPunct="1">
        <a:spcBef>
          <a:spcPct val="20000"/>
        </a:spcBef>
        <a:buFont typeface="Arial" panose="020B0604020202020204" pitchFamily="34" charset="0"/>
        <a:buChar char="»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443" indent="-228586" algn="l" defTabSz="914343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615" indent="-228586" algn="l" defTabSz="914343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786" indent="-228586" algn="l" defTabSz="914343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5958" indent="-228586" algn="l" defTabSz="914343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343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1" algn="l" defTabSz="914343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43" algn="l" defTabSz="914343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14" algn="l" defTabSz="914343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686" algn="l" defTabSz="914343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58" algn="l" defTabSz="914343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29" algn="l" defTabSz="914343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01" algn="l" defTabSz="914343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372" algn="l" defTabSz="914343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0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1">
            <a:extLst>
              <a:ext uri="{FF2B5EF4-FFF2-40B4-BE49-F238E27FC236}">
                <a16:creationId xmlns:a16="http://schemas.microsoft.com/office/drawing/2014/main" id="{005CED2B-6EC7-411C-9CA5-6A77178D74DB}"/>
              </a:ext>
            </a:extLst>
          </p:cNvPr>
          <p:cNvSpPr txBox="1">
            <a:spLocks/>
          </p:cNvSpPr>
          <p:nvPr/>
        </p:nvSpPr>
        <p:spPr>
          <a:xfrm>
            <a:off x="3340984" y="3685246"/>
            <a:ext cx="3414929" cy="2665478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Working conditions and environment can have a huge impact on your mental health and your mental health can have a significant impact on performance.</a:t>
            </a: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One in seven people will experience mental health problems in the workplace (Mental Health Foundation, 2020)</a:t>
            </a: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chemeClr val="bg1"/>
                </a:solidFill>
                <a:latin typeface="Arial" panose="020B0604020202020204" pitchFamily="34" charset="0"/>
              </a:rPr>
              <a:t>Have regular conversations with your manager on how you are feeling. You may be able to make reasonable adjustments to your work life to improve your mental health. 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D873C27D-4827-4158-8623-F4E30763A227}"/>
              </a:ext>
            </a:extLst>
          </p:cNvPr>
          <p:cNvSpPr txBox="1">
            <a:spLocks/>
          </p:cNvSpPr>
          <p:nvPr/>
        </p:nvSpPr>
        <p:spPr>
          <a:xfrm>
            <a:off x="3340985" y="2933456"/>
            <a:ext cx="3655104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kern="1200" baseline="0">
                <a:solidFill>
                  <a:schemeClr val="accent2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Just January: </a:t>
            </a:r>
            <a:b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Mental health awareness 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BD2A52A4-45C4-44C1-9C22-22F78609AFA6}"/>
              </a:ext>
            </a:extLst>
          </p:cNvPr>
          <p:cNvSpPr txBox="1">
            <a:spLocks/>
          </p:cNvSpPr>
          <p:nvPr/>
        </p:nvSpPr>
        <p:spPr>
          <a:xfrm>
            <a:off x="523730" y="2159647"/>
            <a:ext cx="2630950" cy="1492943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“It's just </a:t>
            </a:r>
            <a:b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3200" dirty="0">
                <a:solidFill>
                  <a:schemeClr val="bg1"/>
                </a:solidFill>
                <a:latin typeface="Arial" panose="020B0604020202020204" pitchFamily="34" charset="0"/>
              </a:rPr>
              <a:t>  </a:t>
            </a:r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another </a:t>
            </a:r>
            <a:b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3200" dirty="0">
                <a:solidFill>
                  <a:schemeClr val="bg1"/>
                </a:solidFill>
                <a:latin typeface="Arial" panose="020B0604020202020204" pitchFamily="34" charset="0"/>
              </a:rPr>
              <a:t>  </a:t>
            </a:r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meeting”</a:t>
            </a:r>
          </a:p>
          <a:p>
            <a:endParaRPr lang="en-GB" sz="4000" dirty="0">
              <a:solidFill>
                <a:schemeClr val="bg1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70168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A9084B64-53D4-4AB3-BD94-B37151BF947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2669496" y="5379464"/>
            <a:ext cx="3491818" cy="2236468"/>
          </a:xfrm>
        </p:spPr>
        <p:txBody>
          <a:bodyPr/>
          <a:lstStyle/>
          <a:p>
            <a:pPr marL="171450" lvl="2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Depression is one of the leading causes of disability, affecting 264 million people (WHO, 2020).</a:t>
            </a:r>
          </a:p>
          <a:p>
            <a:pPr marL="171450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Being considerate and patient with others is crucial in the workplace as mental health is not always visible. </a:t>
            </a:r>
          </a:p>
          <a:p>
            <a:pPr marL="171450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chemeClr val="bg1"/>
                </a:solidFill>
                <a:latin typeface="Arial" panose="020B0604020202020204" pitchFamily="34" charset="0"/>
              </a:rPr>
              <a:t>You can improve your mental health by connecting with others, spending time in nature and through the practice of mindfulness. </a:t>
            </a:r>
          </a:p>
          <a:p>
            <a:pPr marL="457200" indent="-45720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14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457200" indent="-45720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14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>
              <a:buClr>
                <a:schemeClr val="bg1"/>
              </a:buClr>
            </a:pP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D058D9E-92A4-4CCD-8B60-36CA296362A8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2669496" y="4653657"/>
            <a:ext cx="4291532" cy="529757"/>
          </a:xfrm>
        </p:spPr>
        <p:txBody>
          <a:bodyPr/>
          <a:lstStyle/>
          <a:p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Just January: </a:t>
            </a:r>
            <a:b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mental health awareness</a:t>
            </a:r>
            <a:endParaRPr lang="en-GB" sz="2400" dirty="0">
              <a:solidFill>
                <a:schemeClr val="bg1"/>
              </a:solidFill>
            </a:endParaRP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EE30026-961F-4BD0-BF43-9090BED2B22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3730" y="2134888"/>
            <a:ext cx="4291531" cy="1512887"/>
          </a:xfrm>
        </p:spPr>
        <p:txBody>
          <a:bodyPr/>
          <a:lstStyle/>
          <a:p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“Just because</a:t>
            </a:r>
            <a:b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  you can't see it,</a:t>
            </a:r>
            <a:b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  doesn't mean </a:t>
            </a:r>
            <a:b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  it's not there.”</a:t>
            </a:r>
            <a:endParaRPr lang="en-GB" sz="4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702029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1">
            <a:extLst>
              <a:ext uri="{FF2B5EF4-FFF2-40B4-BE49-F238E27FC236}">
                <a16:creationId xmlns:a16="http://schemas.microsoft.com/office/drawing/2014/main" id="{5000BB8C-B195-42C3-AF89-D33E40C24E7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2374333" y="4266182"/>
            <a:ext cx="3414929" cy="2236468"/>
          </a:xfrm>
        </p:spPr>
        <p:txBody>
          <a:bodyPr/>
          <a:lstStyle/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chemeClr val="bg1"/>
                </a:solidFill>
                <a:latin typeface="Arial" panose="020B0604020202020204" pitchFamily="34" charset="0"/>
              </a:rPr>
              <a:t>Health screening can help you find out if  you are at higher risk of a health problem, so that early treatment or information can be offered.</a:t>
            </a: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14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Identifying health risks early on can help you make simple lifestyle changes which could greatly benefit your overall health. </a:t>
            </a: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14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It is recommended that if you are 40-74 you should have a health check every five years. 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8A2FB1D0-BB6D-492E-B891-AC01AA26F594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2374334" y="3503504"/>
            <a:ext cx="3655104" cy="529757"/>
          </a:xfrm>
        </p:spPr>
        <p:txBody>
          <a:bodyPr/>
          <a:lstStyle/>
          <a:p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Just January: </a:t>
            </a:r>
            <a:b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Health screening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0BDEFD19-1F68-48B3-B9C7-EAB227A9CDCC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3730" y="2229350"/>
            <a:ext cx="3776127" cy="1054626"/>
          </a:xfrm>
        </p:spPr>
        <p:txBody>
          <a:bodyPr/>
          <a:lstStyle/>
          <a:p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“I'll just leave it </a:t>
            </a:r>
            <a:b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  a few weeks”</a:t>
            </a:r>
          </a:p>
        </p:txBody>
      </p:sp>
    </p:spTree>
    <p:extLst>
      <p:ext uri="{BB962C8B-B14F-4D97-AF65-F5344CB8AC3E}">
        <p14:creationId xmlns:p14="http://schemas.microsoft.com/office/powerpoint/2010/main" val="35150035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1">
            <a:extLst>
              <a:ext uri="{FF2B5EF4-FFF2-40B4-BE49-F238E27FC236}">
                <a16:creationId xmlns:a16="http://schemas.microsoft.com/office/drawing/2014/main" id="{FB25EBAD-7D57-4FA3-947E-ADFA378A062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3622604" y="3717906"/>
            <a:ext cx="3414929" cy="3238067"/>
          </a:xfrm>
        </p:spPr>
        <p:txBody>
          <a:bodyPr/>
          <a:lstStyle/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chemeClr val="bg1"/>
                </a:solidFill>
                <a:latin typeface="Arial" panose="020B0604020202020204" pitchFamily="34" charset="0"/>
              </a:rPr>
              <a:t>Unexplained changes to your body, such as blood in your urine or stools, a lump, persistent bloating or pain that does not go away should not be ignored.</a:t>
            </a: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Earlier diagnosis of cancer can lead to more effective treatments and improve survival rates. </a:t>
            </a: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About one-third of cancer deaths are due to the five leading behavioural and dietary risks: high body mass index, low fruit and vegetable intake, physical inactivity, tobacco use, alcohol use and are therefore preventable (WHO, 200).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BEC1EE2-0149-4743-9A05-41431BF16213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622605" y="2933456"/>
            <a:ext cx="3414928" cy="615287"/>
          </a:xfrm>
        </p:spPr>
        <p:txBody>
          <a:bodyPr/>
          <a:lstStyle/>
          <a:p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Just January: </a:t>
            </a:r>
            <a:b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Cancer awareness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A888F9DE-F860-4AA8-A629-91162305CD6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23730" y="1970270"/>
            <a:ext cx="4474990" cy="1054626"/>
          </a:xfrm>
        </p:spPr>
        <p:txBody>
          <a:bodyPr/>
          <a:lstStyle/>
          <a:p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“It’s just a lump”</a:t>
            </a:r>
          </a:p>
        </p:txBody>
      </p:sp>
    </p:spTree>
    <p:extLst>
      <p:ext uri="{BB962C8B-B14F-4D97-AF65-F5344CB8AC3E}">
        <p14:creationId xmlns:p14="http://schemas.microsoft.com/office/powerpoint/2010/main" val="4197438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28393CC7-429D-4402-85AF-40F3CFE10B50}"/>
              </a:ext>
            </a:extLst>
          </p:cNvPr>
          <p:cNvSpPr txBox="1">
            <a:spLocks/>
          </p:cNvSpPr>
          <p:nvPr/>
        </p:nvSpPr>
        <p:spPr>
          <a:xfrm>
            <a:off x="3177699" y="4355809"/>
            <a:ext cx="3414929" cy="233890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b="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43" rtl="0" eaLnBrk="1" latinLnBrk="0" hangingPunct="1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  <a:defRPr sz="12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Hypertension is generally a silent condition. It can often take many years for symptoms to become noticeable. </a:t>
            </a: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Symptoms can include: dizziness, shortness of breath and headaches.</a:t>
            </a: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171450" lvl="3" indent="-1714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chemeClr val="bg1"/>
                </a:solidFill>
                <a:latin typeface="Arial" panose="020B0604020202020204" pitchFamily="34" charset="0"/>
              </a:rPr>
              <a:t>You can reduce your chances of high blood pressure through regular exercise, a low sodium diet and avoiding smoking and alcohol. 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8D799314-55F9-43BC-AAE3-35CB9231B0BA}"/>
              </a:ext>
            </a:extLst>
          </p:cNvPr>
          <p:cNvSpPr txBox="1">
            <a:spLocks/>
          </p:cNvSpPr>
          <p:nvPr/>
        </p:nvSpPr>
        <p:spPr>
          <a:xfrm>
            <a:off x="3177700" y="3560473"/>
            <a:ext cx="3655104" cy="529757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marR="0" indent="0" algn="l" defTabSz="914343" rtl="0" eaLnBrk="1" fontAlgn="auto" latinLnBrk="0" hangingPunct="1">
              <a:lnSpc>
                <a:spcPct val="90000"/>
              </a:lnSpc>
              <a:spcBef>
                <a:spcPts val="3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 kern="1200" baseline="0">
                <a:solidFill>
                  <a:schemeClr val="accent2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b="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43" rtl="0" eaLnBrk="1" latinLnBrk="0" hangingPunct="1">
              <a:lnSpc>
                <a:spcPct val="90000"/>
              </a:lnSpc>
              <a:spcBef>
                <a:spcPts val="300"/>
              </a:spcBef>
              <a:buFont typeface="Arial" panose="020B0604020202020204" pitchFamily="34" charset="0"/>
              <a:buNone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Just January: </a:t>
            </a:r>
            <a:b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2400" b="1" dirty="0">
                <a:solidFill>
                  <a:schemeClr val="bg1"/>
                </a:solidFill>
                <a:latin typeface="Arial" panose="020B0604020202020204" pitchFamily="34" charset="0"/>
              </a:rPr>
              <a:t>High blood pressure</a:t>
            </a:r>
          </a:p>
          <a:p>
            <a:endParaRPr lang="en-GB" sz="2400" b="1" dirty="0">
              <a:solidFill>
                <a:schemeClr val="bg1"/>
              </a:solidFill>
              <a:latin typeface="Arial" panose="020B0604020202020204" pitchFamily="34" charset="0"/>
            </a:endParaRP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D87F238E-6B1D-4EB5-8745-D60E93686090}"/>
              </a:ext>
            </a:extLst>
          </p:cNvPr>
          <p:cNvSpPr txBox="1">
            <a:spLocks/>
          </p:cNvSpPr>
          <p:nvPr/>
        </p:nvSpPr>
        <p:spPr>
          <a:xfrm>
            <a:off x="523730" y="2244590"/>
            <a:ext cx="2817254" cy="1054626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1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43" rtl="0" eaLnBrk="1" latinLnBrk="0" hangingPunct="1">
              <a:lnSpc>
                <a:spcPct val="80000"/>
              </a:lnSpc>
              <a:spcBef>
                <a:spcPts val="300"/>
              </a:spcBef>
              <a:buFont typeface="Arial" panose="020B0604020202020204" pitchFamily="34" charset="0"/>
              <a:buNone/>
              <a:defRPr sz="5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“Just get it </a:t>
            </a:r>
            <a:b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</a:br>
            <a:r>
              <a:rPr lang="en-GB" sz="4000" dirty="0">
                <a:solidFill>
                  <a:schemeClr val="bg1"/>
                </a:solidFill>
                <a:latin typeface="Arial" panose="020B0604020202020204" pitchFamily="34" charset="0"/>
              </a:rPr>
              <a:t>  checked”</a:t>
            </a:r>
          </a:p>
          <a:p>
            <a:endParaRPr lang="en-GB" sz="4000" dirty="0">
              <a:solidFill>
                <a:schemeClr val="bg1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2652021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2E7F2038-3060-4F2E-B87D-054AEABB1BE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680878" y="3758094"/>
            <a:ext cx="3438380" cy="3241420"/>
          </a:xfrm>
        </p:spPr>
        <p:txBody>
          <a:bodyPr/>
          <a:lstStyle/>
          <a:p>
            <a:pPr marL="285750" indent="-2857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A single cigarette contains over 4,800 chemicals, 69 of which are known to cause cancer. </a:t>
            </a:r>
          </a:p>
          <a:p>
            <a:pPr marL="285750" indent="-2857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285750" indent="-2857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dirty="0">
                <a:solidFill>
                  <a:schemeClr val="bg1"/>
                </a:solidFill>
                <a:latin typeface="Arial" panose="020B0604020202020204" pitchFamily="34" charset="0"/>
              </a:rPr>
              <a:t>Tobacco use can lead to a range of debilitating health conditions, ranging from lung cancer, cardiovascular disease and respiratory problems. </a:t>
            </a:r>
          </a:p>
          <a:p>
            <a:pPr marL="285750" indent="-285750">
              <a:buClr>
                <a:schemeClr val="bg1"/>
              </a:buClr>
              <a:buFont typeface="Arial" panose="020B0604020202020204" pitchFamily="34" charset="0"/>
              <a:buChar char="•"/>
            </a:pPr>
            <a:endParaRPr lang="en-GB" sz="800" dirty="0">
              <a:solidFill>
                <a:schemeClr val="bg1"/>
              </a:solidFill>
              <a:latin typeface="Arial" panose="020B0604020202020204" pitchFamily="34" charset="0"/>
            </a:endParaRPr>
          </a:p>
          <a:p>
            <a:pPr marL="285750" indent="-285750">
              <a:buClr>
                <a:schemeClr val="bg1"/>
              </a:buClr>
              <a:buFont typeface="Arial" panose="020B0604020202020204" pitchFamily="34" charset="0"/>
              <a:buChar char="•"/>
            </a:pPr>
            <a:r>
              <a:rPr lang="en-GB" sz="1400" b="1" dirty="0">
                <a:solidFill>
                  <a:schemeClr val="bg1"/>
                </a:solidFill>
                <a:latin typeface="Arial" panose="020B0604020202020204" pitchFamily="34" charset="0"/>
              </a:rPr>
              <a:t>Tobacco kills more than 8 million people each year. More than 7 million of those deaths are the result of direct tobacco use while around 1.2 million are the result of non-smokers being exposed to second-hand smoke (WHO, 2020). 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E126A53-FD00-48CE-8202-FBB790E9E21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680878" y="3364361"/>
            <a:ext cx="3438380" cy="339305"/>
          </a:xfrm>
        </p:spPr>
        <p:txBody>
          <a:bodyPr/>
          <a:lstStyle/>
          <a:p>
            <a:r>
              <a:rPr lang="en-GB" b="1" dirty="0">
                <a:solidFill>
                  <a:schemeClr val="bg1"/>
                </a:solidFill>
                <a:latin typeface="Arial" panose="020B0604020202020204" pitchFamily="34" charset="0"/>
              </a:rPr>
              <a:t>Just January: Tobacco use</a:t>
            </a:r>
          </a:p>
          <a:p>
            <a:endParaRPr lang="en-GB" dirty="0">
              <a:solidFill>
                <a:schemeClr val="bg1"/>
              </a:solidFill>
            </a:endParaRP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0EA9C4F-DBBB-44BD-AA33-176D46EA9A3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54317" y="2348961"/>
            <a:ext cx="4309382" cy="526884"/>
          </a:xfrm>
        </p:spPr>
        <p:txBody>
          <a:bodyPr/>
          <a:lstStyle/>
          <a:p>
            <a:r>
              <a:rPr lang="en-GB" dirty="0">
                <a:solidFill>
                  <a:schemeClr val="bg1"/>
                </a:solidFill>
                <a:latin typeface="Arial" panose="020B0604020202020204" pitchFamily="34" charset="0"/>
              </a:rPr>
              <a:t>“Just stub it out”</a:t>
            </a:r>
          </a:p>
        </p:txBody>
      </p:sp>
    </p:spTree>
    <p:extLst>
      <p:ext uri="{BB962C8B-B14F-4D97-AF65-F5344CB8AC3E}">
        <p14:creationId xmlns:p14="http://schemas.microsoft.com/office/powerpoint/2010/main" val="1322734917"/>
      </p:ext>
    </p:extLst>
  </p:cSld>
  <p:clrMapOvr>
    <a:masterClrMapping/>
  </p:clrMapOvr>
</p:sld>
</file>

<file path=ppt/theme/theme1.xml><?xml version="1.0" encoding="utf-8"?>
<a:theme xmlns:a="http://schemas.openxmlformats.org/drawingml/2006/main" name="MM Internal Poster_A4">
  <a:themeElements>
    <a:clrScheme name="MM Orange">
      <a:dk1>
        <a:srgbClr val="000000"/>
      </a:dk1>
      <a:lt1>
        <a:srgbClr val="FFFFFF"/>
      </a:lt1>
      <a:dk2>
        <a:srgbClr val="575656"/>
      </a:dk2>
      <a:lt2>
        <a:srgbClr val="EDEBE6"/>
      </a:lt2>
      <a:accent1>
        <a:srgbClr val="E95A1A"/>
      </a:accent1>
      <a:accent2>
        <a:srgbClr val="E42925"/>
      </a:accent2>
      <a:accent3>
        <a:srgbClr val="E1278D"/>
      </a:accent3>
      <a:accent4>
        <a:srgbClr val="FFD400"/>
      </a:accent4>
      <a:accent5>
        <a:srgbClr val="F8AC04"/>
      </a:accent5>
      <a:accent6>
        <a:srgbClr val="8E3F91"/>
      </a:accent6>
      <a:hlink>
        <a:srgbClr val="E42925"/>
      </a:hlink>
      <a:folHlink>
        <a:srgbClr val="E95A1A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012093982946572","enableDocumentContentUpdater":true,"version":"1.0"}]]></TemplafySlide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shape","id":"bdecce82-f757-41b1-922a-9da3ffa47b7a","elementConfiguration":{"inheritDimensions":"inheritNone","height":"{{UserProfile.Logo.PpLogoHeight}}","binding":"UserProfile.Logo.LogoName","disableUpdates":false,"type":"image"}}],"transformationConfigurations":[],"templateName":"Internal Poster (A4)","templateDescription":"","enableDocumentContentUpdater":true,"version":"1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KeywordTaxHTField xmlns="980b2c76-4eb4-4926-991a-bb246786b55e">
      <Terms xmlns="http://schemas.microsoft.com/office/infopath/2007/PartnerControls"/>
    </TaxKeywordTaxHTField>
    <LikesCount xmlns="http://schemas.microsoft.com/sharepoint/v3" xsi:nil="true"/>
    <MMSourceID xmlns="980b2c76-4eb4-4926-991a-bb246786b55e" xsi:nil="true"/>
    <Ratings xmlns="http://schemas.microsoft.com/sharepoint/v3" xsi:nil="true"/>
    <LikedBy xmlns="http://schemas.microsoft.com/sharepoint/v3">
      <UserInfo>
        <DisplayName/>
        <AccountId xsi:nil="true"/>
        <AccountType/>
      </UserInfo>
    </LikedBy>
    <TaxCatchAll xmlns="980b2c76-4eb4-4926-991a-bb246786b55e"/>
    <RatedBy xmlns="http://schemas.microsoft.com/sharepoint/v3">
      <UserInfo>
        <DisplayName/>
        <AccountId xsi:nil="true"/>
        <AccountType/>
      </UserInfo>
    </RatedBy>
    <_dlc_DocId xmlns="980b2c76-4eb4-4926-991a-bb246786b55e">bf-01810-1552190465-138</_dlc_DocId>
    <_dlc_DocIdUrl xmlns="980b2c76-4eb4-4926-991a-bb246786b55e">
      <Url>https://mottmac.sharepoint.com/teams/bf-01810/_layouts/15/DocIdRedir.aspx?ID=bf-01810-1552190465-138</Url>
      <Description>bf-01810-1552190465-138</Description>
    </_dlc_DocIdUrl>
  </documentManagement>
</p:properties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Team Document" ma:contentTypeID="0x0101007BD61AFCC8A643B8924AB3F7EE18260103001524A5E3D59A564CA4D0BD51E605C424" ma:contentTypeVersion="12" ma:contentTypeDescription="Base content type for business function documents" ma:contentTypeScope="" ma:versionID="c518c2b081a81556bf2d163df65ec2e0">
  <xsd:schema xmlns:xsd="http://www.w3.org/2001/XMLSchema" xmlns:xs="http://www.w3.org/2001/XMLSchema" xmlns:p="http://schemas.microsoft.com/office/2006/metadata/properties" xmlns:ns1="http://schemas.microsoft.com/sharepoint/v3" xmlns:ns2="980b2c76-4eb4-4926-991a-bb246786b55e" targetNamespace="http://schemas.microsoft.com/office/2006/metadata/properties" ma:root="true" ma:fieldsID="e0df3319971dd8e2a768ea245e65f5d6" ns1:_="" ns2:_="">
    <xsd:import namespace="http://schemas.microsoft.com/sharepoint/v3"/>
    <xsd:import namespace="980b2c76-4eb4-4926-991a-bb246786b55e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2:TaxCatchAll" minOccurs="0"/>
                <xsd:element ref="ns2:TaxCatchAllLabel" minOccurs="0"/>
                <xsd:element ref="ns2:TaxKeywordTaxHTField" minOccurs="0"/>
                <xsd:element ref="ns1:AverageRating" minOccurs="0"/>
                <xsd:element ref="ns1:RatingCount" minOccurs="0"/>
                <xsd:element ref="ns1:RatedBy" minOccurs="0"/>
                <xsd:element ref="ns1:Ratings" minOccurs="0"/>
                <xsd:element ref="ns1:LikesCount" minOccurs="0"/>
                <xsd:element ref="ns1:LikedBy" minOccurs="0"/>
                <xsd:element ref="ns2:MMSource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verageRating" ma:index="15" nillable="true" ma:displayName="Rating (0-5)" ma:decimals="2" ma:description="Average value of all the ratings that have been submitted" ma:internalName="AverageRating" ma:readOnly="true">
      <xsd:simpleType>
        <xsd:restriction base="dms:Number"/>
      </xsd:simpleType>
    </xsd:element>
    <xsd:element name="RatingCount" ma:index="16" nillable="true" ma:displayName="Number of Ratings" ma:decimals="0" ma:description="Number of ratings submitted" ma:internalName="RatingCount" ma:readOnly="true">
      <xsd:simpleType>
        <xsd:restriction base="dms:Number"/>
      </xsd:simpleType>
    </xsd:element>
    <xsd:element name="RatedBy" ma:index="17" nillable="true" ma:displayName="Rated By" ma:description="Users rated the item." ma:hidden="true" ma:list="UserInfo" ma:internalName="Rat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Ratings" ma:index="18" nillable="true" ma:displayName="User ratings" ma:description="User ratings for the item" ma:hidden="true" ma:internalName="Ratings">
      <xsd:simpleType>
        <xsd:restriction base="dms:Note"/>
      </xsd:simpleType>
    </xsd:element>
    <xsd:element name="LikesCount" ma:index="19" nillable="true" ma:displayName="Number of Likes" ma:internalName="LikesCount">
      <xsd:simpleType>
        <xsd:restriction base="dms:Unknown"/>
      </xsd:simpleType>
    </xsd:element>
    <xsd:element name="LikedBy" ma:index="20" nillable="true" ma:displayName="Liked By" ma:hidden="true" ma:list="UserInfo" ma:internalName="Lik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0b2c76-4eb4-4926-991a-bb246786b55e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TaxCatchAll" ma:index="11" nillable="true" ma:displayName="Taxonomy Catch All Column" ma:hidden="true" ma:list="{dde809be-af56-4288-85f7-fb6302849707}" ma:internalName="TaxCatchAll" ma:showField="CatchAllData" ma:web="9cabeb10-6401-44fd-b9ea-ab77c5ae04a6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2" nillable="true" ma:displayName="Taxonomy Catch All Column1" ma:hidden="true" ma:list="{dde809be-af56-4288-85f7-fb6302849707}" ma:internalName="TaxCatchAllLabel" ma:readOnly="true" ma:showField="CatchAllDataLabel" ma:web="9cabeb10-6401-44fd-b9ea-ab77c5ae04a6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KeywordTaxHTField" ma:index="13" nillable="true" ma:taxonomy="true" ma:internalName="TaxKeywordTaxHTField" ma:taxonomyFieldName="TaxKeyword" ma:displayName="Enterprise Keywords" ma:fieldId="{23f27201-bee3-471e-b2e7-b64fd8b7ca38}" ma:taxonomyMulti="true" ma:sspId="3bee4c5c-8f43-4f7f-9637-07f983ecca3d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MMSourceID" ma:index="21" nillable="true" ma:displayName="MM Source ID" ma:description="Used for source searches" ma:internalName="MMSourceID" ma:readOnly="false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?mso-contentType ?>
<SharedContentType xmlns="Microsoft.SharePoint.Taxonomy.ContentTypeSync" SourceId="3bee4c5c-8f43-4f7f-9637-07f983ecca3d" ContentTypeId="0x0101007BD61AFCC8A643B8924AB3F7EE18260103" PreviousValue="false"/>
</file>

<file path=customXml/item9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Props1.xml><?xml version="1.0" encoding="utf-8"?>
<ds:datastoreItem xmlns:ds="http://schemas.openxmlformats.org/officeDocument/2006/customXml" ds:itemID="{C4196590-88CB-4D3D-B207-5E5960E6AE99}">
  <ds:schemaRefs/>
</ds:datastoreItem>
</file>

<file path=customXml/itemProps2.xml><?xml version="1.0" encoding="utf-8"?>
<ds:datastoreItem xmlns:ds="http://schemas.openxmlformats.org/officeDocument/2006/customXml" ds:itemID="{DFAA2C3C-057B-4497-AC25-BC4CF88D85C3}">
  <ds:schemaRefs/>
</ds:datastoreItem>
</file>

<file path=customXml/itemProps3.xml><?xml version="1.0" encoding="utf-8"?>
<ds:datastoreItem xmlns:ds="http://schemas.openxmlformats.org/officeDocument/2006/customXml" ds:itemID="{F4AA39E2-3E40-45B7-8EDE-2C88BF3A29FF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A3B64D8-1C02-4A30-9AA6-B4C28C3C3993}">
  <ds:schemaRefs/>
</ds:datastoreItem>
</file>

<file path=customXml/itemProps5.xml><?xml version="1.0" encoding="utf-8"?>
<ds:datastoreItem xmlns:ds="http://schemas.openxmlformats.org/officeDocument/2006/customXml" ds:itemID="{B96CA1FB-113C-48F2-99CF-DB0F1F3D8D02}">
  <ds:schemaRefs/>
</ds:datastoreItem>
</file>

<file path=customXml/itemProps6.xml><?xml version="1.0" encoding="utf-8"?>
<ds:datastoreItem xmlns:ds="http://schemas.openxmlformats.org/officeDocument/2006/customXml" ds:itemID="{77EF9731-4371-45DE-BD8D-B7266F49394F}">
  <ds:schemaRefs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www.w3.org/XML/1998/namespace"/>
    <ds:schemaRef ds:uri="http://purl.org/dc/elements/1.1/"/>
    <ds:schemaRef ds:uri="http://schemas.microsoft.com/sharepoint/v3"/>
    <ds:schemaRef ds:uri="http://schemas.microsoft.com/office/infopath/2007/PartnerControls"/>
    <ds:schemaRef ds:uri="980b2c76-4eb4-4926-991a-bb246786b55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5C00B671-9FCF-4371-94AC-4BA615EFF9E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980b2c76-4eb4-4926-991a-bb246786b55e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8.xml><?xml version="1.0" encoding="utf-8"?>
<ds:datastoreItem xmlns:ds="http://schemas.openxmlformats.org/officeDocument/2006/customXml" ds:itemID="{A73804F8-7C8D-471F-B684-3BE76E226038}">
  <ds:schemaRefs>
    <ds:schemaRef ds:uri="Microsoft.SharePoint.Taxonomy.ContentTypeSync"/>
  </ds:schemaRefs>
</ds:datastoreItem>
</file>

<file path=customXml/itemProps9.xml><?xml version="1.0" encoding="utf-8"?>
<ds:datastoreItem xmlns:ds="http://schemas.openxmlformats.org/officeDocument/2006/customXml" ds:itemID="{8D276F92-F0A0-49F9-8481-74344189124C}">
  <ds:schemaRefs>
    <ds:schemaRef ds:uri="http://schemas.microsoft.com/sharepoint/event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628</TotalTime>
  <Words>527</Words>
  <Application>Microsoft Office PowerPoint</Application>
  <PresentationFormat>Custom</PresentationFormat>
  <Paragraphs>43</Paragraphs>
  <Slides>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0" baseType="lpstr">
      <vt:lpstr>Arial</vt:lpstr>
      <vt:lpstr>Calibri</vt:lpstr>
      <vt:lpstr>Proxima Nova</vt:lpstr>
      <vt:lpstr>MM Internal Poster_A4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Mott MacDonald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Vashistha, Radha</dc:creator>
  <cp:lastModifiedBy>Lorna Raymond</cp:lastModifiedBy>
  <cp:revision>233</cp:revision>
  <cp:lastPrinted>2016-11-22T12:24:04Z</cp:lastPrinted>
  <dcterms:created xsi:type="dcterms:W3CDTF">2016-11-09T09:18:58Z</dcterms:created>
  <dcterms:modified xsi:type="dcterms:W3CDTF">2021-01-05T16:09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11-11T15:34:36.3820798Z</vt:lpwstr>
  </property>
  <property fmtid="{D5CDD505-2E9C-101B-9397-08002B2CF9AE}" pid="3" name="TemplafyTenantId">
    <vt:lpwstr>mottmac</vt:lpwstr>
  </property>
  <property fmtid="{D5CDD505-2E9C-101B-9397-08002B2CF9AE}" pid="4" name="TemplafyTemplateId">
    <vt:lpwstr>637012093964984369</vt:lpwstr>
  </property>
  <property fmtid="{D5CDD505-2E9C-101B-9397-08002B2CF9AE}" pid="5" name="TemplafyUserProfileId">
    <vt:lpwstr>637112208995208004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7BD61AFCC8A643B8924AB3F7EE18260103001524A5E3D59A564CA4D0BD51E605C424</vt:lpwstr>
  </property>
  <property fmtid="{D5CDD505-2E9C-101B-9397-08002B2CF9AE}" pid="8" name="TaxKeyword">
    <vt:lpwstr/>
  </property>
  <property fmtid="{D5CDD505-2E9C-101B-9397-08002B2CF9AE}" pid="9" name="_dlc_DocIdItemGuid">
    <vt:lpwstr>0baa149d-6500-4689-ab5e-43d27226fe3f</vt:lpwstr>
  </property>
</Properties>
</file>